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93063\Documents\"/>
    </mc:Choice>
  </mc:AlternateContent>
  <xr:revisionPtr revIDLastSave="0" documentId="8_{E58716C2-9092-4B3F-980B-3157626302C3}" xr6:coauthVersionLast="47" xr6:coauthVersionMax="47" xr10:uidLastSave="{00000000-0000-0000-0000-000000000000}"/>
  <bookViews>
    <workbookView xWindow="30390" yWindow="1215" windowWidth="19185" windowHeight="10065" xr2:uid="{DE06507F-90F4-49AC-9BDC-53455A8D055C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74" uniqueCount="74">
  <si>
    <t xml:space="preserve">Vehicle Rates - AEP Fleet Services Regional Averages </t>
  </si>
  <si>
    <t>$ Includes Lease, Fuel, Maintenance, License, Building and Overheads, and special items</t>
  </si>
  <si>
    <t>Class</t>
  </si>
  <si>
    <t>Description</t>
  </si>
  <si>
    <t>KYPC</t>
  </si>
  <si>
    <t>Class AVG Cost</t>
  </si>
  <si>
    <t>Hourly Rate Based on (1,160 Hrs)</t>
  </si>
  <si>
    <t xml:space="preserve">STANDARD CARS                 </t>
  </si>
  <si>
    <t>COMPACT CARS - BEV</t>
  </si>
  <si>
    <t>STANDARD CARS - PHEV</t>
  </si>
  <si>
    <t>1/4 Ton MINIVAN - PHEV</t>
  </si>
  <si>
    <t xml:space="preserve">1/4 Ton VAN </t>
  </si>
  <si>
    <t>1/4 Ton SPORT UTILITY 4X2</t>
  </si>
  <si>
    <t>1/4 Ton SPORT UTILITY 4X4</t>
  </si>
  <si>
    <t xml:space="preserve">1/4 Ton PICKUP 4X2 </t>
  </si>
  <si>
    <t>1/4 Ton PICKUP 4X4</t>
  </si>
  <si>
    <t>1/4 Ton SPORT UTILITY 4X2 BEV</t>
  </si>
  <si>
    <t>1/4 Ton SPORT UTILITY 4x4 PHEV</t>
  </si>
  <si>
    <t>1/2 Ton VAN</t>
  </si>
  <si>
    <t>1/2 Ton SPORT UTILITY 4X4</t>
  </si>
  <si>
    <t>1/2 Ton PICKUP 4X2</t>
  </si>
  <si>
    <t>1/2 Ton PICKUP 4X4</t>
  </si>
  <si>
    <t>1/2 Ton PICKUP 4x4 PHEV</t>
  </si>
  <si>
    <t>3/4 Ton VAN FULL SIZE</t>
  </si>
  <si>
    <t>3/4 Ton SPORT UTILITY 4X2</t>
  </si>
  <si>
    <t>3/4 Ton SPORT UTILITY 4X4</t>
  </si>
  <si>
    <t>3/4 Ton PICKUP 4X2</t>
  </si>
  <si>
    <t>3/4 Ton PICKUP 4X4</t>
  </si>
  <si>
    <t>3/4 Ton SERVICE TRUCK 4X2</t>
  </si>
  <si>
    <t>3/4 Ton SERVICE TRUCK  4X4</t>
  </si>
  <si>
    <t>3/4 Ton FLATBED/DUMP/STAKE</t>
  </si>
  <si>
    <t>1 Ton VAN</t>
  </si>
  <si>
    <t>1 Ton PICKUP  4X2</t>
  </si>
  <si>
    <t>1 Ton PICKUP  4X4</t>
  </si>
  <si>
    <t>1 Ton SERVICE TRUCK  4X2</t>
  </si>
  <si>
    <t>1 Ton SERVICE TRUCK  4X4</t>
  </si>
  <si>
    <t>1 Ton DUMP, STAKE, TANKER, STEP VAN</t>
  </si>
  <si>
    <t xml:space="preserve">SD MATERIAL HANDLER 4X2           </t>
  </si>
  <si>
    <t xml:space="preserve">SD MATERIAL HANDLER 4X4              </t>
  </si>
  <si>
    <t>SD SERVICE TRUCK 4X2</t>
  </si>
  <si>
    <t>SD SERVICE TRUCK 4X4</t>
  </si>
  <si>
    <t>SD AERIAL MANLIFT 4X2</t>
  </si>
  <si>
    <t>SD AERIAL MANLIFT 4X4</t>
  </si>
  <si>
    <t>SD DUMP, STAKE, FLATBED, STEP VAN</t>
  </si>
  <si>
    <t xml:space="preserve">MD MATERIAL HANDLER 4X2             </t>
  </si>
  <si>
    <t>MD DIGGER DERRICK/CRANE 4X2</t>
  </si>
  <si>
    <t>MD DIGGER DERRICK/CRANE 4X4</t>
  </si>
  <si>
    <t>MD DIGGER DERRICK W/PIN-ON    4X2</t>
  </si>
  <si>
    <t>MD DIGGER DERRICK W/PIN-ON    4X4</t>
  </si>
  <si>
    <t>MD SERVICE TRUCK  4X2</t>
  </si>
  <si>
    <t>MD SERVICE TRUCK  4X4</t>
  </si>
  <si>
    <t>MD AERIAL MANLIFT  4X2</t>
  </si>
  <si>
    <t>MD DUMP, STAKE, FLATBED, STEP VAN</t>
  </si>
  <si>
    <t xml:space="preserve">HD ROAD TRACTOR 6X4                 </t>
  </si>
  <si>
    <t>HD DIGGER DERRICK/CRANE  6X4</t>
  </si>
  <si>
    <t>HD DIGGER DERRICK/CRANE  6X6</t>
  </si>
  <si>
    <t>HD DIGGER DERRICK W/PIN-ON    6X4</t>
  </si>
  <si>
    <t>HD DIGGER DERRICK W/PIN-ON    6X6</t>
  </si>
  <si>
    <t>HD SERVICE TRUCK  6X4</t>
  </si>
  <si>
    <t>HD MATERIAL HANDLER</t>
  </si>
  <si>
    <t>HD AERIAL MANLIFT  6X6</t>
  </si>
  <si>
    <t>HD PRESSURE DIGGER</t>
  </si>
  <si>
    <t>HD FLATBED, DUMP, STAKE</t>
  </si>
  <si>
    <t xml:space="preserve">LIGHT DUTY TRAILERS           </t>
  </si>
  <si>
    <t xml:space="preserve">LIGHT DUTY T&amp;D SPECIALTY TRL  </t>
  </si>
  <si>
    <t xml:space="preserve">HEAVY DUTY TRAILERS           </t>
  </si>
  <si>
    <t>HEAVY DUTY SPECIALTY TRAILERS</t>
  </si>
  <si>
    <t xml:space="preserve">FORKLIFTS                     </t>
  </si>
  <si>
    <t>TRENCHING EQUIPMENT</t>
  </si>
  <si>
    <t>TRACK MOUNTED/RUBBER TIRE DZER</t>
  </si>
  <si>
    <t>ALL TERRAIN VEHICLE</t>
  </si>
  <si>
    <t>MISCELLANEOUS EQUIPMENT</t>
  </si>
  <si>
    <t>Based upon Regular Fuel at $3.32 per gallon and Diesel Fuel at $3.86 per gallon</t>
  </si>
  <si>
    <t>CC 738 Fleet Services 2024 Fleet Billing Budgeting Guideline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* #,##0_);_(* \(#,##0\);_(* &quot;-&quot;??_);_(@_)"/>
    <numFmt numFmtId="165" formatCode="_(&quot;$&quot;* #,##0_);_(&quot;$&quot;* \(#,##0\);_(&quot;$&quot;* &quot;-&quot;??_);_(@_)"/>
  </numFmts>
  <fonts count="6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10"/>
      <name val="Arial"/>
      <family val="2"/>
    </font>
    <font>
      <sz val="10"/>
      <name val="MS Sans Serif"/>
      <family val="2"/>
    </font>
    <font>
      <b/>
      <sz val="10"/>
      <name val="MS Sans Serif"/>
      <family val="2"/>
    </font>
  </fonts>
  <fills count="4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theme="0" tint="-0.249977111117893"/>
        <bgColor indexed="64"/>
      </patternFill>
    </fill>
  </fills>
  <borders count="11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5">
    <xf numFmtId="0" fontId="0" fillId="0" borderId="0"/>
    <xf numFmtId="43" fontId="1" fillId="0" borderId="0" applyFont="0" applyFill="0" applyBorder="0" applyAlignment="0" applyProtection="0"/>
    <xf numFmtId="0" fontId="2" fillId="0" borderId="0"/>
    <xf numFmtId="44" fontId="2" fillId="0" borderId="0" applyFont="0" applyFill="0" applyBorder="0" applyAlignment="0" applyProtection="0"/>
    <xf numFmtId="43" fontId="2" fillId="0" borderId="0" applyFont="0" applyFill="0" applyBorder="0" applyAlignment="0" applyProtection="0"/>
  </cellStyleXfs>
  <cellXfs count="38">
    <xf numFmtId="0" fontId="0" fillId="0" borderId="0" xfId="0"/>
    <xf numFmtId="0" fontId="2" fillId="0" borderId="0" xfId="2" applyAlignment="1">
      <alignment vertical="center"/>
    </xf>
    <xf numFmtId="164" fontId="2" fillId="0" borderId="0" xfId="1" applyNumberFormat="1" applyFont="1" applyAlignment="1">
      <alignment vertical="center"/>
    </xf>
    <xf numFmtId="165" fontId="4" fillId="0" borderId="0" xfId="3" applyNumberFormat="1" applyFont="1"/>
    <xf numFmtId="164" fontId="4" fillId="0" borderId="0" xfId="4" applyNumberFormat="1" applyFont="1"/>
    <xf numFmtId="164" fontId="4" fillId="0" borderId="0" xfId="4" applyNumberFormat="1" applyFont="1" applyAlignment="1">
      <alignment horizontal="center"/>
    </xf>
    <xf numFmtId="164" fontId="0" fillId="0" borderId="0" xfId="1" applyNumberFormat="1" applyFont="1"/>
    <xf numFmtId="44" fontId="5" fillId="2" borderId="7" xfId="0" applyNumberFormat="1" applyFont="1" applyFill="1" applyBorder="1" applyAlignment="1">
      <alignment horizontal="center" wrapText="1"/>
    </xf>
    <xf numFmtId="0" fontId="3" fillId="2" borderId="8" xfId="0" applyFont="1" applyFill="1" applyBorder="1" applyAlignment="1">
      <alignment horizontal="center" wrapText="1"/>
    </xf>
    <xf numFmtId="0" fontId="0" fillId="0" borderId="0" xfId="0" applyAlignment="1">
      <alignment wrapText="1"/>
    </xf>
    <xf numFmtId="164" fontId="5" fillId="0" borderId="0" xfId="1" applyNumberFormat="1" applyFont="1" applyAlignment="1">
      <alignment horizontal="center" wrapText="1"/>
    </xf>
    <xf numFmtId="0" fontId="5" fillId="0" borderId="0" xfId="0" applyFont="1" applyAlignment="1">
      <alignment horizontal="center" wrapText="1"/>
    </xf>
    <xf numFmtId="0" fontId="0" fillId="3" borderId="9" xfId="0" applyFill="1" applyBorder="1" applyAlignment="1">
      <alignment horizontal="center"/>
    </xf>
    <xf numFmtId="0" fontId="2" fillId="3" borderId="10" xfId="0" applyFont="1" applyFill="1" applyBorder="1"/>
    <xf numFmtId="44" fontId="0" fillId="3" borderId="0" xfId="0" applyNumberFormat="1" applyFill="1"/>
    <xf numFmtId="165" fontId="0" fillId="3" borderId="0" xfId="0" applyNumberFormat="1" applyFill="1"/>
    <xf numFmtId="43" fontId="0" fillId="0" borderId="0" xfId="1" applyFont="1"/>
    <xf numFmtId="0" fontId="0" fillId="0" borderId="9" xfId="0" applyBorder="1" applyAlignment="1">
      <alignment horizontal="center"/>
    </xf>
    <xf numFmtId="0" fontId="2" fillId="0" borderId="10" xfId="0" applyFont="1" applyBorder="1"/>
    <xf numFmtId="44" fontId="0" fillId="0" borderId="0" xfId="0" applyNumberFormat="1"/>
    <xf numFmtId="165" fontId="0" fillId="0" borderId="0" xfId="0" applyNumberFormat="1"/>
    <xf numFmtId="164" fontId="0" fillId="0" borderId="0" xfId="1" applyNumberFormat="1" applyFont="1" applyFill="1"/>
    <xf numFmtId="0" fontId="0" fillId="2" borderId="9" xfId="0" applyFill="1" applyBorder="1" applyAlignment="1">
      <alignment horizontal="center"/>
    </xf>
    <xf numFmtId="0" fontId="2" fillId="2" borderId="10" xfId="0" applyFont="1" applyFill="1" applyBorder="1"/>
    <xf numFmtId="44" fontId="0" fillId="2" borderId="0" xfId="0" applyNumberFormat="1" applyFill="1"/>
    <xf numFmtId="165" fontId="0" fillId="2" borderId="0" xfId="0" applyNumberFormat="1" applyFill="1"/>
    <xf numFmtId="0" fontId="3" fillId="2" borderId="3" xfId="0" applyFont="1" applyFill="1" applyBorder="1" applyAlignment="1">
      <alignment horizontal="center"/>
    </xf>
    <xf numFmtId="0" fontId="3" fillId="2" borderId="4" xfId="0" applyFont="1" applyFill="1" applyBorder="1" applyAlignment="1">
      <alignment horizontal="center"/>
    </xf>
    <xf numFmtId="0" fontId="3" fillId="2" borderId="1" xfId="0" applyFont="1" applyFill="1" applyBorder="1" applyAlignment="1">
      <alignment horizontal="center"/>
    </xf>
    <xf numFmtId="0" fontId="3" fillId="2" borderId="5" xfId="0" applyFont="1" applyFill="1" applyBorder="1" applyAlignment="1">
      <alignment horizontal="center"/>
    </xf>
    <xf numFmtId="0" fontId="3" fillId="2" borderId="2" xfId="0" applyFont="1" applyFill="1" applyBorder="1" applyAlignment="1">
      <alignment horizontal="center"/>
    </xf>
    <xf numFmtId="0" fontId="3" fillId="2" borderId="6" xfId="0" applyFont="1" applyFill="1" applyBorder="1" applyAlignment="1">
      <alignment horizontal="center"/>
    </xf>
    <xf numFmtId="0" fontId="3" fillId="0" borderId="0" xfId="2" applyFont="1" applyFill="1" applyAlignment="1">
      <alignment horizontal="left" vertical="center"/>
    </xf>
    <xf numFmtId="0" fontId="3" fillId="0" borderId="0" xfId="2" applyFont="1" applyFill="1" applyAlignment="1">
      <alignment vertical="center"/>
    </xf>
    <xf numFmtId="0" fontId="3" fillId="0" borderId="0" xfId="2" applyFont="1" applyFill="1" applyAlignment="1">
      <alignment vertical="center"/>
    </xf>
    <xf numFmtId="0" fontId="0" fillId="0" borderId="0" xfId="0" applyFill="1" applyAlignment="1">
      <alignment horizontal="center" wrapText="1"/>
    </xf>
    <xf numFmtId="0" fontId="0" fillId="0" borderId="0" xfId="0" applyFill="1" applyAlignment="1">
      <alignment horizontal="center"/>
    </xf>
    <xf numFmtId="165" fontId="4" fillId="0" borderId="0" xfId="3" applyNumberFormat="1" applyFont="1" applyFill="1"/>
  </cellXfs>
  <cellStyles count="5">
    <cellStyle name="Comma" xfId="1" builtinId="3"/>
    <cellStyle name="Comma 2" xfId="4" xr:uid="{DAE6D05B-AF0E-4224-A01F-0BEB4424ED54}"/>
    <cellStyle name="Currency 2" xfId="3" xr:uid="{B8019655-31B5-435B-84A9-BA9D59CC98CF}"/>
    <cellStyle name="Normal" xfId="0" builtinId="0"/>
    <cellStyle name="Normal_Averages Worksheet 2" xfId="2" xr:uid="{0A7C3DC5-F6A1-4474-A677-87C086CC7FC9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Relationship Id="rId9" Type="http://schemas.openxmlformats.org/officeDocument/2006/relationships/customXml" Target="../customXml/item5.xml"/></Relationships>
</file>

<file path=xl/theme/theme1.xml><?xml version="1.0" encoding="utf-8"?>
<a:theme xmlns:a="http://schemas.openxmlformats.org/drawingml/2006/main" name="Office 2013 - 2022 Theme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6C0218C-E6E8-4BE6-ABD7-9698F06DE76F}">
  <dimension ref="A1:R75"/>
  <sheetViews>
    <sheetView tabSelected="1" workbookViewId="0">
      <selection activeCell="B6" sqref="B6"/>
    </sheetView>
  </sheetViews>
  <sheetFormatPr defaultRowHeight="14.5" x14ac:dyDescent="0.35"/>
  <cols>
    <col min="2" max="2" width="40.54296875" bestFit="1" customWidth="1"/>
    <col min="3" max="3" width="10.1796875" bestFit="1" customWidth="1"/>
    <col min="4" max="4" width="9" bestFit="1" customWidth="1"/>
    <col min="5" max="5" width="10.1796875" bestFit="1" customWidth="1"/>
    <col min="6" max="6" width="11.1796875" customWidth="1"/>
    <col min="7" max="7" width="10.1796875" customWidth="1"/>
    <col min="8" max="8" width="9" customWidth="1"/>
    <col min="9" max="9" width="10.1796875" bestFit="1" customWidth="1"/>
    <col min="10" max="10" width="9" bestFit="1" customWidth="1"/>
    <col min="11" max="11" width="10.1796875" bestFit="1" customWidth="1"/>
    <col min="12" max="12" width="9" bestFit="1" customWidth="1"/>
    <col min="13" max="13" width="10.1796875" bestFit="1" customWidth="1"/>
    <col min="14" max="14" width="9" bestFit="1" customWidth="1"/>
    <col min="15" max="15" width="10.1796875" bestFit="1" customWidth="1"/>
    <col min="16" max="16" width="9" bestFit="1" customWidth="1"/>
    <col min="18" max="18" width="10.26953125" style="6" bestFit="1" customWidth="1"/>
    <col min="19" max="19" width="9.26953125" bestFit="1" customWidth="1"/>
    <col min="258" max="258" width="40.54296875" bestFit="1" customWidth="1"/>
    <col min="259" max="259" width="10.1796875" bestFit="1" customWidth="1"/>
    <col min="260" max="260" width="9" bestFit="1" customWidth="1"/>
    <col min="261" max="261" width="10.1796875" bestFit="1" customWidth="1"/>
    <col min="262" max="262" width="11.1796875" customWidth="1"/>
    <col min="263" max="263" width="10.1796875" customWidth="1"/>
    <col min="264" max="264" width="9" customWidth="1"/>
    <col min="265" max="265" width="10.1796875" bestFit="1" customWidth="1"/>
    <col min="266" max="266" width="9" bestFit="1" customWidth="1"/>
    <col min="267" max="267" width="10.1796875" bestFit="1" customWidth="1"/>
    <col min="268" max="268" width="9" bestFit="1" customWidth="1"/>
    <col min="269" max="269" width="10.1796875" bestFit="1" customWidth="1"/>
    <col min="270" max="270" width="9" bestFit="1" customWidth="1"/>
    <col min="271" max="271" width="10.1796875" bestFit="1" customWidth="1"/>
    <col min="272" max="272" width="9" bestFit="1" customWidth="1"/>
    <col min="274" max="274" width="10.26953125" bestFit="1" customWidth="1"/>
    <col min="275" max="275" width="9.26953125" bestFit="1" customWidth="1"/>
    <col min="514" max="514" width="40.54296875" bestFit="1" customWidth="1"/>
    <col min="515" max="515" width="10.1796875" bestFit="1" customWidth="1"/>
    <col min="516" max="516" width="9" bestFit="1" customWidth="1"/>
    <col min="517" max="517" width="10.1796875" bestFit="1" customWidth="1"/>
    <col min="518" max="518" width="11.1796875" customWidth="1"/>
    <col min="519" max="519" width="10.1796875" customWidth="1"/>
    <col min="520" max="520" width="9" customWidth="1"/>
    <col min="521" max="521" width="10.1796875" bestFit="1" customWidth="1"/>
    <col min="522" max="522" width="9" bestFit="1" customWidth="1"/>
    <col min="523" max="523" width="10.1796875" bestFit="1" customWidth="1"/>
    <col min="524" max="524" width="9" bestFit="1" customWidth="1"/>
    <col min="525" max="525" width="10.1796875" bestFit="1" customWidth="1"/>
    <col min="526" max="526" width="9" bestFit="1" customWidth="1"/>
    <col min="527" max="527" width="10.1796875" bestFit="1" customWidth="1"/>
    <col min="528" max="528" width="9" bestFit="1" customWidth="1"/>
    <col min="530" max="530" width="10.26953125" bestFit="1" customWidth="1"/>
    <col min="531" max="531" width="9.26953125" bestFit="1" customWidth="1"/>
    <col min="770" max="770" width="40.54296875" bestFit="1" customWidth="1"/>
    <col min="771" max="771" width="10.1796875" bestFit="1" customWidth="1"/>
    <col min="772" max="772" width="9" bestFit="1" customWidth="1"/>
    <col min="773" max="773" width="10.1796875" bestFit="1" customWidth="1"/>
    <col min="774" max="774" width="11.1796875" customWidth="1"/>
    <col min="775" max="775" width="10.1796875" customWidth="1"/>
    <col min="776" max="776" width="9" customWidth="1"/>
    <col min="777" max="777" width="10.1796875" bestFit="1" customWidth="1"/>
    <col min="778" max="778" width="9" bestFit="1" customWidth="1"/>
    <col min="779" max="779" width="10.1796875" bestFit="1" customWidth="1"/>
    <col min="780" max="780" width="9" bestFit="1" customWidth="1"/>
    <col min="781" max="781" width="10.1796875" bestFit="1" customWidth="1"/>
    <col min="782" max="782" width="9" bestFit="1" customWidth="1"/>
    <col min="783" max="783" width="10.1796875" bestFit="1" customWidth="1"/>
    <col min="784" max="784" width="9" bestFit="1" customWidth="1"/>
    <col min="786" max="786" width="10.26953125" bestFit="1" customWidth="1"/>
    <col min="787" max="787" width="9.26953125" bestFit="1" customWidth="1"/>
    <col min="1026" max="1026" width="40.54296875" bestFit="1" customWidth="1"/>
    <col min="1027" max="1027" width="10.1796875" bestFit="1" customWidth="1"/>
    <col min="1028" max="1028" width="9" bestFit="1" customWidth="1"/>
    <col min="1029" max="1029" width="10.1796875" bestFit="1" customWidth="1"/>
    <col min="1030" max="1030" width="11.1796875" customWidth="1"/>
    <col min="1031" max="1031" width="10.1796875" customWidth="1"/>
    <col min="1032" max="1032" width="9" customWidth="1"/>
    <col min="1033" max="1033" width="10.1796875" bestFit="1" customWidth="1"/>
    <col min="1034" max="1034" width="9" bestFit="1" customWidth="1"/>
    <col min="1035" max="1035" width="10.1796875" bestFit="1" customWidth="1"/>
    <col min="1036" max="1036" width="9" bestFit="1" customWidth="1"/>
    <col min="1037" max="1037" width="10.1796875" bestFit="1" customWidth="1"/>
    <col min="1038" max="1038" width="9" bestFit="1" customWidth="1"/>
    <col min="1039" max="1039" width="10.1796875" bestFit="1" customWidth="1"/>
    <col min="1040" max="1040" width="9" bestFit="1" customWidth="1"/>
    <col min="1042" max="1042" width="10.26953125" bestFit="1" customWidth="1"/>
    <col min="1043" max="1043" width="9.26953125" bestFit="1" customWidth="1"/>
    <col min="1282" max="1282" width="40.54296875" bestFit="1" customWidth="1"/>
    <col min="1283" max="1283" width="10.1796875" bestFit="1" customWidth="1"/>
    <col min="1284" max="1284" width="9" bestFit="1" customWidth="1"/>
    <col min="1285" max="1285" width="10.1796875" bestFit="1" customWidth="1"/>
    <col min="1286" max="1286" width="11.1796875" customWidth="1"/>
    <col min="1287" max="1287" width="10.1796875" customWidth="1"/>
    <col min="1288" max="1288" width="9" customWidth="1"/>
    <col min="1289" max="1289" width="10.1796875" bestFit="1" customWidth="1"/>
    <col min="1290" max="1290" width="9" bestFit="1" customWidth="1"/>
    <col min="1291" max="1291" width="10.1796875" bestFit="1" customWidth="1"/>
    <col min="1292" max="1292" width="9" bestFit="1" customWidth="1"/>
    <col min="1293" max="1293" width="10.1796875" bestFit="1" customWidth="1"/>
    <col min="1294" max="1294" width="9" bestFit="1" customWidth="1"/>
    <col min="1295" max="1295" width="10.1796875" bestFit="1" customWidth="1"/>
    <col min="1296" max="1296" width="9" bestFit="1" customWidth="1"/>
    <col min="1298" max="1298" width="10.26953125" bestFit="1" customWidth="1"/>
    <col min="1299" max="1299" width="9.26953125" bestFit="1" customWidth="1"/>
    <col min="1538" max="1538" width="40.54296875" bestFit="1" customWidth="1"/>
    <col min="1539" max="1539" width="10.1796875" bestFit="1" customWidth="1"/>
    <col min="1540" max="1540" width="9" bestFit="1" customWidth="1"/>
    <col min="1541" max="1541" width="10.1796875" bestFit="1" customWidth="1"/>
    <col min="1542" max="1542" width="11.1796875" customWidth="1"/>
    <col min="1543" max="1543" width="10.1796875" customWidth="1"/>
    <col min="1544" max="1544" width="9" customWidth="1"/>
    <col min="1545" max="1545" width="10.1796875" bestFit="1" customWidth="1"/>
    <col min="1546" max="1546" width="9" bestFit="1" customWidth="1"/>
    <col min="1547" max="1547" width="10.1796875" bestFit="1" customWidth="1"/>
    <col min="1548" max="1548" width="9" bestFit="1" customWidth="1"/>
    <col min="1549" max="1549" width="10.1796875" bestFit="1" customWidth="1"/>
    <col min="1550" max="1550" width="9" bestFit="1" customWidth="1"/>
    <col min="1551" max="1551" width="10.1796875" bestFit="1" customWidth="1"/>
    <col min="1552" max="1552" width="9" bestFit="1" customWidth="1"/>
    <col min="1554" max="1554" width="10.26953125" bestFit="1" customWidth="1"/>
    <col min="1555" max="1555" width="9.26953125" bestFit="1" customWidth="1"/>
    <col min="1794" max="1794" width="40.54296875" bestFit="1" customWidth="1"/>
    <col min="1795" max="1795" width="10.1796875" bestFit="1" customWidth="1"/>
    <col min="1796" max="1796" width="9" bestFit="1" customWidth="1"/>
    <col min="1797" max="1797" width="10.1796875" bestFit="1" customWidth="1"/>
    <col min="1798" max="1798" width="11.1796875" customWidth="1"/>
    <col min="1799" max="1799" width="10.1796875" customWidth="1"/>
    <col min="1800" max="1800" width="9" customWidth="1"/>
    <col min="1801" max="1801" width="10.1796875" bestFit="1" customWidth="1"/>
    <col min="1802" max="1802" width="9" bestFit="1" customWidth="1"/>
    <col min="1803" max="1803" width="10.1796875" bestFit="1" customWidth="1"/>
    <col min="1804" max="1804" width="9" bestFit="1" customWidth="1"/>
    <col min="1805" max="1805" width="10.1796875" bestFit="1" customWidth="1"/>
    <col min="1806" max="1806" width="9" bestFit="1" customWidth="1"/>
    <col min="1807" max="1807" width="10.1796875" bestFit="1" customWidth="1"/>
    <col min="1808" max="1808" width="9" bestFit="1" customWidth="1"/>
    <col min="1810" max="1810" width="10.26953125" bestFit="1" customWidth="1"/>
    <col min="1811" max="1811" width="9.26953125" bestFit="1" customWidth="1"/>
    <col min="2050" max="2050" width="40.54296875" bestFit="1" customWidth="1"/>
    <col min="2051" max="2051" width="10.1796875" bestFit="1" customWidth="1"/>
    <col min="2052" max="2052" width="9" bestFit="1" customWidth="1"/>
    <col min="2053" max="2053" width="10.1796875" bestFit="1" customWidth="1"/>
    <col min="2054" max="2054" width="11.1796875" customWidth="1"/>
    <col min="2055" max="2055" width="10.1796875" customWidth="1"/>
    <col min="2056" max="2056" width="9" customWidth="1"/>
    <col min="2057" max="2057" width="10.1796875" bestFit="1" customWidth="1"/>
    <col min="2058" max="2058" width="9" bestFit="1" customWidth="1"/>
    <col min="2059" max="2059" width="10.1796875" bestFit="1" customWidth="1"/>
    <col min="2060" max="2060" width="9" bestFit="1" customWidth="1"/>
    <col min="2061" max="2061" width="10.1796875" bestFit="1" customWidth="1"/>
    <col min="2062" max="2062" width="9" bestFit="1" customWidth="1"/>
    <col min="2063" max="2063" width="10.1796875" bestFit="1" customWidth="1"/>
    <col min="2064" max="2064" width="9" bestFit="1" customWidth="1"/>
    <col min="2066" max="2066" width="10.26953125" bestFit="1" customWidth="1"/>
    <col min="2067" max="2067" width="9.26953125" bestFit="1" customWidth="1"/>
    <col min="2306" max="2306" width="40.54296875" bestFit="1" customWidth="1"/>
    <col min="2307" max="2307" width="10.1796875" bestFit="1" customWidth="1"/>
    <col min="2308" max="2308" width="9" bestFit="1" customWidth="1"/>
    <col min="2309" max="2309" width="10.1796875" bestFit="1" customWidth="1"/>
    <col min="2310" max="2310" width="11.1796875" customWidth="1"/>
    <col min="2311" max="2311" width="10.1796875" customWidth="1"/>
    <col min="2312" max="2312" width="9" customWidth="1"/>
    <col min="2313" max="2313" width="10.1796875" bestFit="1" customWidth="1"/>
    <col min="2314" max="2314" width="9" bestFit="1" customWidth="1"/>
    <col min="2315" max="2315" width="10.1796875" bestFit="1" customWidth="1"/>
    <col min="2316" max="2316" width="9" bestFit="1" customWidth="1"/>
    <col min="2317" max="2317" width="10.1796875" bestFit="1" customWidth="1"/>
    <col min="2318" max="2318" width="9" bestFit="1" customWidth="1"/>
    <col min="2319" max="2319" width="10.1796875" bestFit="1" customWidth="1"/>
    <col min="2320" max="2320" width="9" bestFit="1" customWidth="1"/>
    <col min="2322" max="2322" width="10.26953125" bestFit="1" customWidth="1"/>
    <col min="2323" max="2323" width="9.26953125" bestFit="1" customWidth="1"/>
    <col min="2562" max="2562" width="40.54296875" bestFit="1" customWidth="1"/>
    <col min="2563" max="2563" width="10.1796875" bestFit="1" customWidth="1"/>
    <col min="2564" max="2564" width="9" bestFit="1" customWidth="1"/>
    <col min="2565" max="2565" width="10.1796875" bestFit="1" customWidth="1"/>
    <col min="2566" max="2566" width="11.1796875" customWidth="1"/>
    <col min="2567" max="2567" width="10.1796875" customWidth="1"/>
    <col min="2568" max="2568" width="9" customWidth="1"/>
    <col min="2569" max="2569" width="10.1796875" bestFit="1" customWidth="1"/>
    <col min="2570" max="2570" width="9" bestFit="1" customWidth="1"/>
    <col min="2571" max="2571" width="10.1796875" bestFit="1" customWidth="1"/>
    <col min="2572" max="2572" width="9" bestFit="1" customWidth="1"/>
    <col min="2573" max="2573" width="10.1796875" bestFit="1" customWidth="1"/>
    <col min="2574" max="2574" width="9" bestFit="1" customWidth="1"/>
    <col min="2575" max="2575" width="10.1796875" bestFit="1" customWidth="1"/>
    <col min="2576" max="2576" width="9" bestFit="1" customWidth="1"/>
    <col min="2578" max="2578" width="10.26953125" bestFit="1" customWidth="1"/>
    <col min="2579" max="2579" width="9.26953125" bestFit="1" customWidth="1"/>
    <col min="2818" max="2818" width="40.54296875" bestFit="1" customWidth="1"/>
    <col min="2819" max="2819" width="10.1796875" bestFit="1" customWidth="1"/>
    <col min="2820" max="2820" width="9" bestFit="1" customWidth="1"/>
    <col min="2821" max="2821" width="10.1796875" bestFit="1" customWidth="1"/>
    <col min="2822" max="2822" width="11.1796875" customWidth="1"/>
    <col min="2823" max="2823" width="10.1796875" customWidth="1"/>
    <col min="2824" max="2824" width="9" customWidth="1"/>
    <col min="2825" max="2825" width="10.1796875" bestFit="1" customWidth="1"/>
    <col min="2826" max="2826" width="9" bestFit="1" customWidth="1"/>
    <col min="2827" max="2827" width="10.1796875" bestFit="1" customWidth="1"/>
    <col min="2828" max="2828" width="9" bestFit="1" customWidth="1"/>
    <col min="2829" max="2829" width="10.1796875" bestFit="1" customWidth="1"/>
    <col min="2830" max="2830" width="9" bestFit="1" customWidth="1"/>
    <col min="2831" max="2831" width="10.1796875" bestFit="1" customWidth="1"/>
    <col min="2832" max="2832" width="9" bestFit="1" customWidth="1"/>
    <col min="2834" max="2834" width="10.26953125" bestFit="1" customWidth="1"/>
    <col min="2835" max="2835" width="9.26953125" bestFit="1" customWidth="1"/>
    <col min="3074" max="3074" width="40.54296875" bestFit="1" customWidth="1"/>
    <col min="3075" max="3075" width="10.1796875" bestFit="1" customWidth="1"/>
    <col min="3076" max="3076" width="9" bestFit="1" customWidth="1"/>
    <col min="3077" max="3077" width="10.1796875" bestFit="1" customWidth="1"/>
    <col min="3078" max="3078" width="11.1796875" customWidth="1"/>
    <col min="3079" max="3079" width="10.1796875" customWidth="1"/>
    <col min="3080" max="3080" width="9" customWidth="1"/>
    <col min="3081" max="3081" width="10.1796875" bestFit="1" customWidth="1"/>
    <col min="3082" max="3082" width="9" bestFit="1" customWidth="1"/>
    <col min="3083" max="3083" width="10.1796875" bestFit="1" customWidth="1"/>
    <col min="3084" max="3084" width="9" bestFit="1" customWidth="1"/>
    <col min="3085" max="3085" width="10.1796875" bestFit="1" customWidth="1"/>
    <col min="3086" max="3086" width="9" bestFit="1" customWidth="1"/>
    <col min="3087" max="3087" width="10.1796875" bestFit="1" customWidth="1"/>
    <col min="3088" max="3088" width="9" bestFit="1" customWidth="1"/>
    <col min="3090" max="3090" width="10.26953125" bestFit="1" customWidth="1"/>
    <col min="3091" max="3091" width="9.26953125" bestFit="1" customWidth="1"/>
    <col min="3330" max="3330" width="40.54296875" bestFit="1" customWidth="1"/>
    <col min="3331" max="3331" width="10.1796875" bestFit="1" customWidth="1"/>
    <col min="3332" max="3332" width="9" bestFit="1" customWidth="1"/>
    <col min="3333" max="3333" width="10.1796875" bestFit="1" customWidth="1"/>
    <col min="3334" max="3334" width="11.1796875" customWidth="1"/>
    <col min="3335" max="3335" width="10.1796875" customWidth="1"/>
    <col min="3336" max="3336" width="9" customWidth="1"/>
    <col min="3337" max="3337" width="10.1796875" bestFit="1" customWidth="1"/>
    <col min="3338" max="3338" width="9" bestFit="1" customWidth="1"/>
    <col min="3339" max="3339" width="10.1796875" bestFit="1" customWidth="1"/>
    <col min="3340" max="3340" width="9" bestFit="1" customWidth="1"/>
    <col min="3341" max="3341" width="10.1796875" bestFit="1" customWidth="1"/>
    <col min="3342" max="3342" width="9" bestFit="1" customWidth="1"/>
    <col min="3343" max="3343" width="10.1796875" bestFit="1" customWidth="1"/>
    <col min="3344" max="3344" width="9" bestFit="1" customWidth="1"/>
    <col min="3346" max="3346" width="10.26953125" bestFit="1" customWidth="1"/>
    <col min="3347" max="3347" width="9.26953125" bestFit="1" customWidth="1"/>
    <col min="3586" max="3586" width="40.54296875" bestFit="1" customWidth="1"/>
    <col min="3587" max="3587" width="10.1796875" bestFit="1" customWidth="1"/>
    <col min="3588" max="3588" width="9" bestFit="1" customWidth="1"/>
    <col min="3589" max="3589" width="10.1796875" bestFit="1" customWidth="1"/>
    <col min="3590" max="3590" width="11.1796875" customWidth="1"/>
    <col min="3591" max="3591" width="10.1796875" customWidth="1"/>
    <col min="3592" max="3592" width="9" customWidth="1"/>
    <col min="3593" max="3593" width="10.1796875" bestFit="1" customWidth="1"/>
    <col min="3594" max="3594" width="9" bestFit="1" customWidth="1"/>
    <col min="3595" max="3595" width="10.1796875" bestFit="1" customWidth="1"/>
    <col min="3596" max="3596" width="9" bestFit="1" customWidth="1"/>
    <col min="3597" max="3597" width="10.1796875" bestFit="1" customWidth="1"/>
    <col min="3598" max="3598" width="9" bestFit="1" customWidth="1"/>
    <col min="3599" max="3599" width="10.1796875" bestFit="1" customWidth="1"/>
    <col min="3600" max="3600" width="9" bestFit="1" customWidth="1"/>
    <col min="3602" max="3602" width="10.26953125" bestFit="1" customWidth="1"/>
    <col min="3603" max="3603" width="9.26953125" bestFit="1" customWidth="1"/>
    <col min="3842" max="3842" width="40.54296875" bestFit="1" customWidth="1"/>
    <col min="3843" max="3843" width="10.1796875" bestFit="1" customWidth="1"/>
    <col min="3844" max="3844" width="9" bestFit="1" customWidth="1"/>
    <col min="3845" max="3845" width="10.1796875" bestFit="1" customWidth="1"/>
    <col min="3846" max="3846" width="11.1796875" customWidth="1"/>
    <col min="3847" max="3847" width="10.1796875" customWidth="1"/>
    <col min="3848" max="3848" width="9" customWidth="1"/>
    <col min="3849" max="3849" width="10.1796875" bestFit="1" customWidth="1"/>
    <col min="3850" max="3850" width="9" bestFit="1" customWidth="1"/>
    <col min="3851" max="3851" width="10.1796875" bestFit="1" customWidth="1"/>
    <col min="3852" max="3852" width="9" bestFit="1" customWidth="1"/>
    <col min="3853" max="3853" width="10.1796875" bestFit="1" customWidth="1"/>
    <col min="3854" max="3854" width="9" bestFit="1" customWidth="1"/>
    <col min="3855" max="3855" width="10.1796875" bestFit="1" customWidth="1"/>
    <col min="3856" max="3856" width="9" bestFit="1" customWidth="1"/>
    <col min="3858" max="3858" width="10.26953125" bestFit="1" customWidth="1"/>
    <col min="3859" max="3859" width="9.26953125" bestFit="1" customWidth="1"/>
    <col min="4098" max="4098" width="40.54296875" bestFit="1" customWidth="1"/>
    <col min="4099" max="4099" width="10.1796875" bestFit="1" customWidth="1"/>
    <col min="4100" max="4100" width="9" bestFit="1" customWidth="1"/>
    <col min="4101" max="4101" width="10.1796875" bestFit="1" customWidth="1"/>
    <col min="4102" max="4102" width="11.1796875" customWidth="1"/>
    <col min="4103" max="4103" width="10.1796875" customWidth="1"/>
    <col min="4104" max="4104" width="9" customWidth="1"/>
    <col min="4105" max="4105" width="10.1796875" bestFit="1" customWidth="1"/>
    <col min="4106" max="4106" width="9" bestFit="1" customWidth="1"/>
    <col min="4107" max="4107" width="10.1796875" bestFit="1" customWidth="1"/>
    <col min="4108" max="4108" width="9" bestFit="1" customWidth="1"/>
    <col min="4109" max="4109" width="10.1796875" bestFit="1" customWidth="1"/>
    <col min="4110" max="4110" width="9" bestFit="1" customWidth="1"/>
    <col min="4111" max="4111" width="10.1796875" bestFit="1" customWidth="1"/>
    <col min="4112" max="4112" width="9" bestFit="1" customWidth="1"/>
    <col min="4114" max="4114" width="10.26953125" bestFit="1" customWidth="1"/>
    <col min="4115" max="4115" width="9.26953125" bestFit="1" customWidth="1"/>
    <col min="4354" max="4354" width="40.54296875" bestFit="1" customWidth="1"/>
    <col min="4355" max="4355" width="10.1796875" bestFit="1" customWidth="1"/>
    <col min="4356" max="4356" width="9" bestFit="1" customWidth="1"/>
    <col min="4357" max="4357" width="10.1796875" bestFit="1" customWidth="1"/>
    <col min="4358" max="4358" width="11.1796875" customWidth="1"/>
    <col min="4359" max="4359" width="10.1796875" customWidth="1"/>
    <col min="4360" max="4360" width="9" customWidth="1"/>
    <col min="4361" max="4361" width="10.1796875" bestFit="1" customWidth="1"/>
    <col min="4362" max="4362" width="9" bestFit="1" customWidth="1"/>
    <col min="4363" max="4363" width="10.1796875" bestFit="1" customWidth="1"/>
    <col min="4364" max="4364" width="9" bestFit="1" customWidth="1"/>
    <col min="4365" max="4365" width="10.1796875" bestFit="1" customWidth="1"/>
    <col min="4366" max="4366" width="9" bestFit="1" customWidth="1"/>
    <col min="4367" max="4367" width="10.1796875" bestFit="1" customWidth="1"/>
    <col min="4368" max="4368" width="9" bestFit="1" customWidth="1"/>
    <col min="4370" max="4370" width="10.26953125" bestFit="1" customWidth="1"/>
    <col min="4371" max="4371" width="9.26953125" bestFit="1" customWidth="1"/>
    <col min="4610" max="4610" width="40.54296875" bestFit="1" customWidth="1"/>
    <col min="4611" max="4611" width="10.1796875" bestFit="1" customWidth="1"/>
    <col min="4612" max="4612" width="9" bestFit="1" customWidth="1"/>
    <col min="4613" max="4613" width="10.1796875" bestFit="1" customWidth="1"/>
    <col min="4614" max="4614" width="11.1796875" customWidth="1"/>
    <col min="4615" max="4615" width="10.1796875" customWidth="1"/>
    <col min="4616" max="4616" width="9" customWidth="1"/>
    <col min="4617" max="4617" width="10.1796875" bestFit="1" customWidth="1"/>
    <col min="4618" max="4618" width="9" bestFit="1" customWidth="1"/>
    <col min="4619" max="4619" width="10.1796875" bestFit="1" customWidth="1"/>
    <col min="4620" max="4620" width="9" bestFit="1" customWidth="1"/>
    <col min="4621" max="4621" width="10.1796875" bestFit="1" customWidth="1"/>
    <col min="4622" max="4622" width="9" bestFit="1" customWidth="1"/>
    <col min="4623" max="4623" width="10.1796875" bestFit="1" customWidth="1"/>
    <col min="4624" max="4624" width="9" bestFit="1" customWidth="1"/>
    <col min="4626" max="4626" width="10.26953125" bestFit="1" customWidth="1"/>
    <col min="4627" max="4627" width="9.26953125" bestFit="1" customWidth="1"/>
    <col min="4866" max="4866" width="40.54296875" bestFit="1" customWidth="1"/>
    <col min="4867" max="4867" width="10.1796875" bestFit="1" customWidth="1"/>
    <col min="4868" max="4868" width="9" bestFit="1" customWidth="1"/>
    <col min="4869" max="4869" width="10.1796875" bestFit="1" customWidth="1"/>
    <col min="4870" max="4870" width="11.1796875" customWidth="1"/>
    <col min="4871" max="4871" width="10.1796875" customWidth="1"/>
    <col min="4872" max="4872" width="9" customWidth="1"/>
    <col min="4873" max="4873" width="10.1796875" bestFit="1" customWidth="1"/>
    <col min="4874" max="4874" width="9" bestFit="1" customWidth="1"/>
    <col min="4875" max="4875" width="10.1796875" bestFit="1" customWidth="1"/>
    <col min="4876" max="4876" width="9" bestFit="1" customWidth="1"/>
    <col min="4877" max="4877" width="10.1796875" bestFit="1" customWidth="1"/>
    <col min="4878" max="4878" width="9" bestFit="1" customWidth="1"/>
    <col min="4879" max="4879" width="10.1796875" bestFit="1" customWidth="1"/>
    <col min="4880" max="4880" width="9" bestFit="1" customWidth="1"/>
    <col min="4882" max="4882" width="10.26953125" bestFit="1" customWidth="1"/>
    <col min="4883" max="4883" width="9.26953125" bestFit="1" customWidth="1"/>
    <col min="5122" max="5122" width="40.54296875" bestFit="1" customWidth="1"/>
    <col min="5123" max="5123" width="10.1796875" bestFit="1" customWidth="1"/>
    <col min="5124" max="5124" width="9" bestFit="1" customWidth="1"/>
    <col min="5125" max="5125" width="10.1796875" bestFit="1" customWidth="1"/>
    <col min="5126" max="5126" width="11.1796875" customWidth="1"/>
    <col min="5127" max="5127" width="10.1796875" customWidth="1"/>
    <col min="5128" max="5128" width="9" customWidth="1"/>
    <col min="5129" max="5129" width="10.1796875" bestFit="1" customWidth="1"/>
    <col min="5130" max="5130" width="9" bestFit="1" customWidth="1"/>
    <col min="5131" max="5131" width="10.1796875" bestFit="1" customWidth="1"/>
    <col min="5132" max="5132" width="9" bestFit="1" customWidth="1"/>
    <col min="5133" max="5133" width="10.1796875" bestFit="1" customWidth="1"/>
    <col min="5134" max="5134" width="9" bestFit="1" customWidth="1"/>
    <col min="5135" max="5135" width="10.1796875" bestFit="1" customWidth="1"/>
    <col min="5136" max="5136" width="9" bestFit="1" customWidth="1"/>
    <col min="5138" max="5138" width="10.26953125" bestFit="1" customWidth="1"/>
    <col min="5139" max="5139" width="9.26953125" bestFit="1" customWidth="1"/>
    <col min="5378" max="5378" width="40.54296875" bestFit="1" customWidth="1"/>
    <col min="5379" max="5379" width="10.1796875" bestFit="1" customWidth="1"/>
    <col min="5380" max="5380" width="9" bestFit="1" customWidth="1"/>
    <col min="5381" max="5381" width="10.1796875" bestFit="1" customWidth="1"/>
    <col min="5382" max="5382" width="11.1796875" customWidth="1"/>
    <col min="5383" max="5383" width="10.1796875" customWidth="1"/>
    <col min="5384" max="5384" width="9" customWidth="1"/>
    <col min="5385" max="5385" width="10.1796875" bestFit="1" customWidth="1"/>
    <col min="5386" max="5386" width="9" bestFit="1" customWidth="1"/>
    <col min="5387" max="5387" width="10.1796875" bestFit="1" customWidth="1"/>
    <col min="5388" max="5388" width="9" bestFit="1" customWidth="1"/>
    <col min="5389" max="5389" width="10.1796875" bestFit="1" customWidth="1"/>
    <col min="5390" max="5390" width="9" bestFit="1" customWidth="1"/>
    <col min="5391" max="5391" width="10.1796875" bestFit="1" customWidth="1"/>
    <col min="5392" max="5392" width="9" bestFit="1" customWidth="1"/>
    <col min="5394" max="5394" width="10.26953125" bestFit="1" customWidth="1"/>
    <col min="5395" max="5395" width="9.26953125" bestFit="1" customWidth="1"/>
    <col min="5634" max="5634" width="40.54296875" bestFit="1" customWidth="1"/>
    <col min="5635" max="5635" width="10.1796875" bestFit="1" customWidth="1"/>
    <col min="5636" max="5636" width="9" bestFit="1" customWidth="1"/>
    <col min="5637" max="5637" width="10.1796875" bestFit="1" customWidth="1"/>
    <col min="5638" max="5638" width="11.1796875" customWidth="1"/>
    <col min="5639" max="5639" width="10.1796875" customWidth="1"/>
    <col min="5640" max="5640" width="9" customWidth="1"/>
    <col min="5641" max="5641" width="10.1796875" bestFit="1" customWidth="1"/>
    <col min="5642" max="5642" width="9" bestFit="1" customWidth="1"/>
    <col min="5643" max="5643" width="10.1796875" bestFit="1" customWidth="1"/>
    <col min="5644" max="5644" width="9" bestFit="1" customWidth="1"/>
    <col min="5645" max="5645" width="10.1796875" bestFit="1" customWidth="1"/>
    <col min="5646" max="5646" width="9" bestFit="1" customWidth="1"/>
    <col min="5647" max="5647" width="10.1796875" bestFit="1" customWidth="1"/>
    <col min="5648" max="5648" width="9" bestFit="1" customWidth="1"/>
    <col min="5650" max="5650" width="10.26953125" bestFit="1" customWidth="1"/>
    <col min="5651" max="5651" width="9.26953125" bestFit="1" customWidth="1"/>
    <col min="5890" max="5890" width="40.54296875" bestFit="1" customWidth="1"/>
    <col min="5891" max="5891" width="10.1796875" bestFit="1" customWidth="1"/>
    <col min="5892" max="5892" width="9" bestFit="1" customWidth="1"/>
    <col min="5893" max="5893" width="10.1796875" bestFit="1" customWidth="1"/>
    <col min="5894" max="5894" width="11.1796875" customWidth="1"/>
    <col min="5895" max="5895" width="10.1796875" customWidth="1"/>
    <col min="5896" max="5896" width="9" customWidth="1"/>
    <col min="5897" max="5897" width="10.1796875" bestFit="1" customWidth="1"/>
    <col min="5898" max="5898" width="9" bestFit="1" customWidth="1"/>
    <col min="5899" max="5899" width="10.1796875" bestFit="1" customWidth="1"/>
    <col min="5900" max="5900" width="9" bestFit="1" customWidth="1"/>
    <col min="5901" max="5901" width="10.1796875" bestFit="1" customWidth="1"/>
    <col min="5902" max="5902" width="9" bestFit="1" customWidth="1"/>
    <col min="5903" max="5903" width="10.1796875" bestFit="1" customWidth="1"/>
    <col min="5904" max="5904" width="9" bestFit="1" customWidth="1"/>
    <col min="5906" max="5906" width="10.26953125" bestFit="1" customWidth="1"/>
    <col min="5907" max="5907" width="9.26953125" bestFit="1" customWidth="1"/>
    <col min="6146" max="6146" width="40.54296875" bestFit="1" customWidth="1"/>
    <col min="6147" max="6147" width="10.1796875" bestFit="1" customWidth="1"/>
    <col min="6148" max="6148" width="9" bestFit="1" customWidth="1"/>
    <col min="6149" max="6149" width="10.1796875" bestFit="1" customWidth="1"/>
    <col min="6150" max="6150" width="11.1796875" customWidth="1"/>
    <col min="6151" max="6151" width="10.1796875" customWidth="1"/>
    <col min="6152" max="6152" width="9" customWidth="1"/>
    <col min="6153" max="6153" width="10.1796875" bestFit="1" customWidth="1"/>
    <col min="6154" max="6154" width="9" bestFit="1" customWidth="1"/>
    <col min="6155" max="6155" width="10.1796875" bestFit="1" customWidth="1"/>
    <col min="6156" max="6156" width="9" bestFit="1" customWidth="1"/>
    <col min="6157" max="6157" width="10.1796875" bestFit="1" customWidth="1"/>
    <col min="6158" max="6158" width="9" bestFit="1" customWidth="1"/>
    <col min="6159" max="6159" width="10.1796875" bestFit="1" customWidth="1"/>
    <col min="6160" max="6160" width="9" bestFit="1" customWidth="1"/>
    <col min="6162" max="6162" width="10.26953125" bestFit="1" customWidth="1"/>
    <col min="6163" max="6163" width="9.26953125" bestFit="1" customWidth="1"/>
    <col min="6402" max="6402" width="40.54296875" bestFit="1" customWidth="1"/>
    <col min="6403" max="6403" width="10.1796875" bestFit="1" customWidth="1"/>
    <col min="6404" max="6404" width="9" bestFit="1" customWidth="1"/>
    <col min="6405" max="6405" width="10.1796875" bestFit="1" customWidth="1"/>
    <col min="6406" max="6406" width="11.1796875" customWidth="1"/>
    <col min="6407" max="6407" width="10.1796875" customWidth="1"/>
    <col min="6408" max="6408" width="9" customWidth="1"/>
    <col min="6409" max="6409" width="10.1796875" bestFit="1" customWidth="1"/>
    <col min="6410" max="6410" width="9" bestFit="1" customWidth="1"/>
    <col min="6411" max="6411" width="10.1796875" bestFit="1" customWidth="1"/>
    <col min="6412" max="6412" width="9" bestFit="1" customWidth="1"/>
    <col min="6413" max="6413" width="10.1796875" bestFit="1" customWidth="1"/>
    <col min="6414" max="6414" width="9" bestFit="1" customWidth="1"/>
    <col min="6415" max="6415" width="10.1796875" bestFit="1" customWidth="1"/>
    <col min="6416" max="6416" width="9" bestFit="1" customWidth="1"/>
    <col min="6418" max="6418" width="10.26953125" bestFit="1" customWidth="1"/>
    <col min="6419" max="6419" width="9.26953125" bestFit="1" customWidth="1"/>
    <col min="6658" max="6658" width="40.54296875" bestFit="1" customWidth="1"/>
    <col min="6659" max="6659" width="10.1796875" bestFit="1" customWidth="1"/>
    <col min="6660" max="6660" width="9" bestFit="1" customWidth="1"/>
    <col min="6661" max="6661" width="10.1796875" bestFit="1" customWidth="1"/>
    <col min="6662" max="6662" width="11.1796875" customWidth="1"/>
    <col min="6663" max="6663" width="10.1796875" customWidth="1"/>
    <col min="6664" max="6664" width="9" customWidth="1"/>
    <col min="6665" max="6665" width="10.1796875" bestFit="1" customWidth="1"/>
    <col min="6666" max="6666" width="9" bestFit="1" customWidth="1"/>
    <col min="6667" max="6667" width="10.1796875" bestFit="1" customWidth="1"/>
    <col min="6668" max="6668" width="9" bestFit="1" customWidth="1"/>
    <col min="6669" max="6669" width="10.1796875" bestFit="1" customWidth="1"/>
    <col min="6670" max="6670" width="9" bestFit="1" customWidth="1"/>
    <col min="6671" max="6671" width="10.1796875" bestFit="1" customWidth="1"/>
    <col min="6672" max="6672" width="9" bestFit="1" customWidth="1"/>
    <col min="6674" max="6674" width="10.26953125" bestFit="1" customWidth="1"/>
    <col min="6675" max="6675" width="9.26953125" bestFit="1" customWidth="1"/>
    <col min="6914" max="6914" width="40.54296875" bestFit="1" customWidth="1"/>
    <col min="6915" max="6915" width="10.1796875" bestFit="1" customWidth="1"/>
    <col min="6916" max="6916" width="9" bestFit="1" customWidth="1"/>
    <col min="6917" max="6917" width="10.1796875" bestFit="1" customWidth="1"/>
    <col min="6918" max="6918" width="11.1796875" customWidth="1"/>
    <col min="6919" max="6919" width="10.1796875" customWidth="1"/>
    <col min="6920" max="6920" width="9" customWidth="1"/>
    <col min="6921" max="6921" width="10.1796875" bestFit="1" customWidth="1"/>
    <col min="6922" max="6922" width="9" bestFit="1" customWidth="1"/>
    <col min="6923" max="6923" width="10.1796875" bestFit="1" customWidth="1"/>
    <col min="6924" max="6924" width="9" bestFit="1" customWidth="1"/>
    <col min="6925" max="6925" width="10.1796875" bestFit="1" customWidth="1"/>
    <col min="6926" max="6926" width="9" bestFit="1" customWidth="1"/>
    <col min="6927" max="6927" width="10.1796875" bestFit="1" customWidth="1"/>
    <col min="6928" max="6928" width="9" bestFit="1" customWidth="1"/>
    <col min="6930" max="6930" width="10.26953125" bestFit="1" customWidth="1"/>
    <col min="6931" max="6931" width="9.26953125" bestFit="1" customWidth="1"/>
    <col min="7170" max="7170" width="40.54296875" bestFit="1" customWidth="1"/>
    <col min="7171" max="7171" width="10.1796875" bestFit="1" customWidth="1"/>
    <col min="7172" max="7172" width="9" bestFit="1" customWidth="1"/>
    <col min="7173" max="7173" width="10.1796875" bestFit="1" customWidth="1"/>
    <col min="7174" max="7174" width="11.1796875" customWidth="1"/>
    <col min="7175" max="7175" width="10.1796875" customWidth="1"/>
    <col min="7176" max="7176" width="9" customWidth="1"/>
    <col min="7177" max="7177" width="10.1796875" bestFit="1" customWidth="1"/>
    <col min="7178" max="7178" width="9" bestFit="1" customWidth="1"/>
    <col min="7179" max="7179" width="10.1796875" bestFit="1" customWidth="1"/>
    <col min="7180" max="7180" width="9" bestFit="1" customWidth="1"/>
    <col min="7181" max="7181" width="10.1796875" bestFit="1" customWidth="1"/>
    <col min="7182" max="7182" width="9" bestFit="1" customWidth="1"/>
    <col min="7183" max="7183" width="10.1796875" bestFit="1" customWidth="1"/>
    <col min="7184" max="7184" width="9" bestFit="1" customWidth="1"/>
    <col min="7186" max="7186" width="10.26953125" bestFit="1" customWidth="1"/>
    <col min="7187" max="7187" width="9.26953125" bestFit="1" customWidth="1"/>
    <col min="7426" max="7426" width="40.54296875" bestFit="1" customWidth="1"/>
    <col min="7427" max="7427" width="10.1796875" bestFit="1" customWidth="1"/>
    <col min="7428" max="7428" width="9" bestFit="1" customWidth="1"/>
    <col min="7429" max="7429" width="10.1796875" bestFit="1" customWidth="1"/>
    <col min="7430" max="7430" width="11.1796875" customWidth="1"/>
    <col min="7431" max="7431" width="10.1796875" customWidth="1"/>
    <col min="7432" max="7432" width="9" customWidth="1"/>
    <col min="7433" max="7433" width="10.1796875" bestFit="1" customWidth="1"/>
    <col min="7434" max="7434" width="9" bestFit="1" customWidth="1"/>
    <col min="7435" max="7435" width="10.1796875" bestFit="1" customWidth="1"/>
    <col min="7436" max="7436" width="9" bestFit="1" customWidth="1"/>
    <col min="7437" max="7437" width="10.1796875" bestFit="1" customWidth="1"/>
    <col min="7438" max="7438" width="9" bestFit="1" customWidth="1"/>
    <col min="7439" max="7439" width="10.1796875" bestFit="1" customWidth="1"/>
    <col min="7440" max="7440" width="9" bestFit="1" customWidth="1"/>
    <col min="7442" max="7442" width="10.26953125" bestFit="1" customWidth="1"/>
    <col min="7443" max="7443" width="9.26953125" bestFit="1" customWidth="1"/>
    <col min="7682" max="7682" width="40.54296875" bestFit="1" customWidth="1"/>
    <col min="7683" max="7683" width="10.1796875" bestFit="1" customWidth="1"/>
    <col min="7684" max="7684" width="9" bestFit="1" customWidth="1"/>
    <col min="7685" max="7685" width="10.1796875" bestFit="1" customWidth="1"/>
    <col min="7686" max="7686" width="11.1796875" customWidth="1"/>
    <col min="7687" max="7687" width="10.1796875" customWidth="1"/>
    <col min="7688" max="7688" width="9" customWidth="1"/>
    <col min="7689" max="7689" width="10.1796875" bestFit="1" customWidth="1"/>
    <col min="7690" max="7690" width="9" bestFit="1" customWidth="1"/>
    <col min="7691" max="7691" width="10.1796875" bestFit="1" customWidth="1"/>
    <col min="7692" max="7692" width="9" bestFit="1" customWidth="1"/>
    <col min="7693" max="7693" width="10.1796875" bestFit="1" customWidth="1"/>
    <col min="7694" max="7694" width="9" bestFit="1" customWidth="1"/>
    <col min="7695" max="7695" width="10.1796875" bestFit="1" customWidth="1"/>
    <col min="7696" max="7696" width="9" bestFit="1" customWidth="1"/>
    <col min="7698" max="7698" width="10.26953125" bestFit="1" customWidth="1"/>
    <col min="7699" max="7699" width="9.26953125" bestFit="1" customWidth="1"/>
    <col min="7938" max="7938" width="40.54296875" bestFit="1" customWidth="1"/>
    <col min="7939" max="7939" width="10.1796875" bestFit="1" customWidth="1"/>
    <col min="7940" max="7940" width="9" bestFit="1" customWidth="1"/>
    <col min="7941" max="7941" width="10.1796875" bestFit="1" customWidth="1"/>
    <col min="7942" max="7942" width="11.1796875" customWidth="1"/>
    <col min="7943" max="7943" width="10.1796875" customWidth="1"/>
    <col min="7944" max="7944" width="9" customWidth="1"/>
    <col min="7945" max="7945" width="10.1796875" bestFit="1" customWidth="1"/>
    <col min="7946" max="7946" width="9" bestFit="1" customWidth="1"/>
    <col min="7947" max="7947" width="10.1796875" bestFit="1" customWidth="1"/>
    <col min="7948" max="7948" width="9" bestFit="1" customWidth="1"/>
    <col min="7949" max="7949" width="10.1796875" bestFit="1" customWidth="1"/>
    <col min="7950" max="7950" width="9" bestFit="1" customWidth="1"/>
    <col min="7951" max="7951" width="10.1796875" bestFit="1" customWidth="1"/>
    <col min="7952" max="7952" width="9" bestFit="1" customWidth="1"/>
    <col min="7954" max="7954" width="10.26953125" bestFit="1" customWidth="1"/>
    <col min="7955" max="7955" width="9.26953125" bestFit="1" customWidth="1"/>
    <col min="8194" max="8194" width="40.54296875" bestFit="1" customWidth="1"/>
    <col min="8195" max="8195" width="10.1796875" bestFit="1" customWidth="1"/>
    <col min="8196" max="8196" width="9" bestFit="1" customWidth="1"/>
    <col min="8197" max="8197" width="10.1796875" bestFit="1" customWidth="1"/>
    <col min="8198" max="8198" width="11.1796875" customWidth="1"/>
    <col min="8199" max="8199" width="10.1796875" customWidth="1"/>
    <col min="8200" max="8200" width="9" customWidth="1"/>
    <col min="8201" max="8201" width="10.1796875" bestFit="1" customWidth="1"/>
    <col min="8202" max="8202" width="9" bestFit="1" customWidth="1"/>
    <col min="8203" max="8203" width="10.1796875" bestFit="1" customWidth="1"/>
    <col min="8204" max="8204" width="9" bestFit="1" customWidth="1"/>
    <col min="8205" max="8205" width="10.1796875" bestFit="1" customWidth="1"/>
    <col min="8206" max="8206" width="9" bestFit="1" customWidth="1"/>
    <col min="8207" max="8207" width="10.1796875" bestFit="1" customWidth="1"/>
    <col min="8208" max="8208" width="9" bestFit="1" customWidth="1"/>
    <col min="8210" max="8210" width="10.26953125" bestFit="1" customWidth="1"/>
    <col min="8211" max="8211" width="9.26953125" bestFit="1" customWidth="1"/>
    <col min="8450" max="8450" width="40.54296875" bestFit="1" customWidth="1"/>
    <col min="8451" max="8451" width="10.1796875" bestFit="1" customWidth="1"/>
    <col min="8452" max="8452" width="9" bestFit="1" customWidth="1"/>
    <col min="8453" max="8453" width="10.1796875" bestFit="1" customWidth="1"/>
    <col min="8454" max="8454" width="11.1796875" customWidth="1"/>
    <col min="8455" max="8455" width="10.1796875" customWidth="1"/>
    <col min="8456" max="8456" width="9" customWidth="1"/>
    <col min="8457" max="8457" width="10.1796875" bestFit="1" customWidth="1"/>
    <col min="8458" max="8458" width="9" bestFit="1" customWidth="1"/>
    <col min="8459" max="8459" width="10.1796875" bestFit="1" customWidth="1"/>
    <col min="8460" max="8460" width="9" bestFit="1" customWidth="1"/>
    <col min="8461" max="8461" width="10.1796875" bestFit="1" customWidth="1"/>
    <col min="8462" max="8462" width="9" bestFit="1" customWidth="1"/>
    <col min="8463" max="8463" width="10.1796875" bestFit="1" customWidth="1"/>
    <col min="8464" max="8464" width="9" bestFit="1" customWidth="1"/>
    <col min="8466" max="8466" width="10.26953125" bestFit="1" customWidth="1"/>
    <col min="8467" max="8467" width="9.26953125" bestFit="1" customWidth="1"/>
    <col min="8706" max="8706" width="40.54296875" bestFit="1" customWidth="1"/>
    <col min="8707" max="8707" width="10.1796875" bestFit="1" customWidth="1"/>
    <col min="8708" max="8708" width="9" bestFit="1" customWidth="1"/>
    <col min="8709" max="8709" width="10.1796875" bestFit="1" customWidth="1"/>
    <col min="8710" max="8710" width="11.1796875" customWidth="1"/>
    <col min="8711" max="8711" width="10.1796875" customWidth="1"/>
    <col min="8712" max="8712" width="9" customWidth="1"/>
    <col min="8713" max="8713" width="10.1796875" bestFit="1" customWidth="1"/>
    <col min="8714" max="8714" width="9" bestFit="1" customWidth="1"/>
    <col min="8715" max="8715" width="10.1796875" bestFit="1" customWidth="1"/>
    <col min="8716" max="8716" width="9" bestFit="1" customWidth="1"/>
    <col min="8717" max="8717" width="10.1796875" bestFit="1" customWidth="1"/>
    <col min="8718" max="8718" width="9" bestFit="1" customWidth="1"/>
    <col min="8719" max="8719" width="10.1796875" bestFit="1" customWidth="1"/>
    <col min="8720" max="8720" width="9" bestFit="1" customWidth="1"/>
    <col min="8722" max="8722" width="10.26953125" bestFit="1" customWidth="1"/>
    <col min="8723" max="8723" width="9.26953125" bestFit="1" customWidth="1"/>
    <col min="8962" max="8962" width="40.54296875" bestFit="1" customWidth="1"/>
    <col min="8963" max="8963" width="10.1796875" bestFit="1" customWidth="1"/>
    <col min="8964" max="8964" width="9" bestFit="1" customWidth="1"/>
    <col min="8965" max="8965" width="10.1796875" bestFit="1" customWidth="1"/>
    <col min="8966" max="8966" width="11.1796875" customWidth="1"/>
    <col min="8967" max="8967" width="10.1796875" customWidth="1"/>
    <col min="8968" max="8968" width="9" customWidth="1"/>
    <col min="8969" max="8969" width="10.1796875" bestFit="1" customWidth="1"/>
    <col min="8970" max="8970" width="9" bestFit="1" customWidth="1"/>
    <col min="8971" max="8971" width="10.1796875" bestFit="1" customWidth="1"/>
    <col min="8972" max="8972" width="9" bestFit="1" customWidth="1"/>
    <col min="8973" max="8973" width="10.1796875" bestFit="1" customWidth="1"/>
    <col min="8974" max="8974" width="9" bestFit="1" customWidth="1"/>
    <col min="8975" max="8975" width="10.1796875" bestFit="1" customWidth="1"/>
    <col min="8976" max="8976" width="9" bestFit="1" customWidth="1"/>
    <col min="8978" max="8978" width="10.26953125" bestFit="1" customWidth="1"/>
    <col min="8979" max="8979" width="9.26953125" bestFit="1" customWidth="1"/>
    <col min="9218" max="9218" width="40.54296875" bestFit="1" customWidth="1"/>
    <col min="9219" max="9219" width="10.1796875" bestFit="1" customWidth="1"/>
    <col min="9220" max="9220" width="9" bestFit="1" customWidth="1"/>
    <col min="9221" max="9221" width="10.1796875" bestFit="1" customWidth="1"/>
    <col min="9222" max="9222" width="11.1796875" customWidth="1"/>
    <col min="9223" max="9223" width="10.1796875" customWidth="1"/>
    <col min="9224" max="9224" width="9" customWidth="1"/>
    <col min="9225" max="9225" width="10.1796875" bestFit="1" customWidth="1"/>
    <col min="9226" max="9226" width="9" bestFit="1" customWidth="1"/>
    <col min="9227" max="9227" width="10.1796875" bestFit="1" customWidth="1"/>
    <col min="9228" max="9228" width="9" bestFit="1" customWidth="1"/>
    <col min="9229" max="9229" width="10.1796875" bestFit="1" customWidth="1"/>
    <col min="9230" max="9230" width="9" bestFit="1" customWidth="1"/>
    <col min="9231" max="9231" width="10.1796875" bestFit="1" customWidth="1"/>
    <col min="9232" max="9232" width="9" bestFit="1" customWidth="1"/>
    <col min="9234" max="9234" width="10.26953125" bestFit="1" customWidth="1"/>
    <col min="9235" max="9235" width="9.26953125" bestFit="1" customWidth="1"/>
    <col min="9474" max="9474" width="40.54296875" bestFit="1" customWidth="1"/>
    <col min="9475" max="9475" width="10.1796875" bestFit="1" customWidth="1"/>
    <col min="9476" max="9476" width="9" bestFit="1" customWidth="1"/>
    <col min="9477" max="9477" width="10.1796875" bestFit="1" customWidth="1"/>
    <col min="9478" max="9478" width="11.1796875" customWidth="1"/>
    <col min="9479" max="9479" width="10.1796875" customWidth="1"/>
    <col min="9480" max="9480" width="9" customWidth="1"/>
    <col min="9481" max="9481" width="10.1796875" bestFit="1" customWidth="1"/>
    <col min="9482" max="9482" width="9" bestFit="1" customWidth="1"/>
    <col min="9483" max="9483" width="10.1796875" bestFit="1" customWidth="1"/>
    <col min="9484" max="9484" width="9" bestFit="1" customWidth="1"/>
    <col min="9485" max="9485" width="10.1796875" bestFit="1" customWidth="1"/>
    <col min="9486" max="9486" width="9" bestFit="1" customWidth="1"/>
    <col min="9487" max="9487" width="10.1796875" bestFit="1" customWidth="1"/>
    <col min="9488" max="9488" width="9" bestFit="1" customWidth="1"/>
    <col min="9490" max="9490" width="10.26953125" bestFit="1" customWidth="1"/>
    <col min="9491" max="9491" width="9.26953125" bestFit="1" customWidth="1"/>
    <col min="9730" max="9730" width="40.54296875" bestFit="1" customWidth="1"/>
    <col min="9731" max="9731" width="10.1796875" bestFit="1" customWidth="1"/>
    <col min="9732" max="9732" width="9" bestFit="1" customWidth="1"/>
    <col min="9733" max="9733" width="10.1796875" bestFit="1" customWidth="1"/>
    <col min="9734" max="9734" width="11.1796875" customWidth="1"/>
    <col min="9735" max="9735" width="10.1796875" customWidth="1"/>
    <col min="9736" max="9736" width="9" customWidth="1"/>
    <col min="9737" max="9737" width="10.1796875" bestFit="1" customWidth="1"/>
    <col min="9738" max="9738" width="9" bestFit="1" customWidth="1"/>
    <col min="9739" max="9739" width="10.1796875" bestFit="1" customWidth="1"/>
    <col min="9740" max="9740" width="9" bestFit="1" customWidth="1"/>
    <col min="9741" max="9741" width="10.1796875" bestFit="1" customWidth="1"/>
    <col min="9742" max="9742" width="9" bestFit="1" customWidth="1"/>
    <col min="9743" max="9743" width="10.1796875" bestFit="1" customWidth="1"/>
    <col min="9744" max="9744" width="9" bestFit="1" customWidth="1"/>
    <col min="9746" max="9746" width="10.26953125" bestFit="1" customWidth="1"/>
    <col min="9747" max="9747" width="9.26953125" bestFit="1" customWidth="1"/>
    <col min="9986" max="9986" width="40.54296875" bestFit="1" customWidth="1"/>
    <col min="9987" max="9987" width="10.1796875" bestFit="1" customWidth="1"/>
    <col min="9988" max="9988" width="9" bestFit="1" customWidth="1"/>
    <col min="9989" max="9989" width="10.1796875" bestFit="1" customWidth="1"/>
    <col min="9990" max="9990" width="11.1796875" customWidth="1"/>
    <col min="9991" max="9991" width="10.1796875" customWidth="1"/>
    <col min="9992" max="9992" width="9" customWidth="1"/>
    <col min="9993" max="9993" width="10.1796875" bestFit="1" customWidth="1"/>
    <col min="9994" max="9994" width="9" bestFit="1" customWidth="1"/>
    <col min="9995" max="9995" width="10.1796875" bestFit="1" customWidth="1"/>
    <col min="9996" max="9996" width="9" bestFit="1" customWidth="1"/>
    <col min="9997" max="9997" width="10.1796875" bestFit="1" customWidth="1"/>
    <col min="9998" max="9998" width="9" bestFit="1" customWidth="1"/>
    <col min="9999" max="9999" width="10.1796875" bestFit="1" customWidth="1"/>
    <col min="10000" max="10000" width="9" bestFit="1" customWidth="1"/>
    <col min="10002" max="10002" width="10.26953125" bestFit="1" customWidth="1"/>
    <col min="10003" max="10003" width="9.26953125" bestFit="1" customWidth="1"/>
    <col min="10242" max="10242" width="40.54296875" bestFit="1" customWidth="1"/>
    <col min="10243" max="10243" width="10.1796875" bestFit="1" customWidth="1"/>
    <col min="10244" max="10244" width="9" bestFit="1" customWidth="1"/>
    <col min="10245" max="10245" width="10.1796875" bestFit="1" customWidth="1"/>
    <col min="10246" max="10246" width="11.1796875" customWidth="1"/>
    <col min="10247" max="10247" width="10.1796875" customWidth="1"/>
    <col min="10248" max="10248" width="9" customWidth="1"/>
    <col min="10249" max="10249" width="10.1796875" bestFit="1" customWidth="1"/>
    <col min="10250" max="10250" width="9" bestFit="1" customWidth="1"/>
    <col min="10251" max="10251" width="10.1796875" bestFit="1" customWidth="1"/>
    <col min="10252" max="10252" width="9" bestFit="1" customWidth="1"/>
    <col min="10253" max="10253" width="10.1796875" bestFit="1" customWidth="1"/>
    <col min="10254" max="10254" width="9" bestFit="1" customWidth="1"/>
    <col min="10255" max="10255" width="10.1796875" bestFit="1" customWidth="1"/>
    <col min="10256" max="10256" width="9" bestFit="1" customWidth="1"/>
    <col min="10258" max="10258" width="10.26953125" bestFit="1" customWidth="1"/>
    <col min="10259" max="10259" width="9.26953125" bestFit="1" customWidth="1"/>
    <col min="10498" max="10498" width="40.54296875" bestFit="1" customWidth="1"/>
    <col min="10499" max="10499" width="10.1796875" bestFit="1" customWidth="1"/>
    <col min="10500" max="10500" width="9" bestFit="1" customWidth="1"/>
    <col min="10501" max="10501" width="10.1796875" bestFit="1" customWidth="1"/>
    <col min="10502" max="10502" width="11.1796875" customWidth="1"/>
    <col min="10503" max="10503" width="10.1796875" customWidth="1"/>
    <col min="10504" max="10504" width="9" customWidth="1"/>
    <col min="10505" max="10505" width="10.1796875" bestFit="1" customWidth="1"/>
    <col min="10506" max="10506" width="9" bestFit="1" customWidth="1"/>
    <col min="10507" max="10507" width="10.1796875" bestFit="1" customWidth="1"/>
    <col min="10508" max="10508" width="9" bestFit="1" customWidth="1"/>
    <col min="10509" max="10509" width="10.1796875" bestFit="1" customWidth="1"/>
    <col min="10510" max="10510" width="9" bestFit="1" customWidth="1"/>
    <col min="10511" max="10511" width="10.1796875" bestFit="1" customWidth="1"/>
    <col min="10512" max="10512" width="9" bestFit="1" customWidth="1"/>
    <col min="10514" max="10514" width="10.26953125" bestFit="1" customWidth="1"/>
    <col min="10515" max="10515" width="9.26953125" bestFit="1" customWidth="1"/>
    <col min="10754" max="10754" width="40.54296875" bestFit="1" customWidth="1"/>
    <col min="10755" max="10755" width="10.1796875" bestFit="1" customWidth="1"/>
    <col min="10756" max="10756" width="9" bestFit="1" customWidth="1"/>
    <col min="10757" max="10757" width="10.1796875" bestFit="1" customWidth="1"/>
    <col min="10758" max="10758" width="11.1796875" customWidth="1"/>
    <col min="10759" max="10759" width="10.1796875" customWidth="1"/>
    <col min="10760" max="10760" width="9" customWidth="1"/>
    <col min="10761" max="10761" width="10.1796875" bestFit="1" customWidth="1"/>
    <col min="10762" max="10762" width="9" bestFit="1" customWidth="1"/>
    <col min="10763" max="10763" width="10.1796875" bestFit="1" customWidth="1"/>
    <col min="10764" max="10764" width="9" bestFit="1" customWidth="1"/>
    <col min="10765" max="10765" width="10.1796875" bestFit="1" customWidth="1"/>
    <col min="10766" max="10766" width="9" bestFit="1" customWidth="1"/>
    <col min="10767" max="10767" width="10.1796875" bestFit="1" customWidth="1"/>
    <col min="10768" max="10768" width="9" bestFit="1" customWidth="1"/>
    <col min="10770" max="10770" width="10.26953125" bestFit="1" customWidth="1"/>
    <col min="10771" max="10771" width="9.26953125" bestFit="1" customWidth="1"/>
    <col min="11010" max="11010" width="40.54296875" bestFit="1" customWidth="1"/>
    <col min="11011" max="11011" width="10.1796875" bestFit="1" customWidth="1"/>
    <col min="11012" max="11012" width="9" bestFit="1" customWidth="1"/>
    <col min="11013" max="11013" width="10.1796875" bestFit="1" customWidth="1"/>
    <col min="11014" max="11014" width="11.1796875" customWidth="1"/>
    <col min="11015" max="11015" width="10.1796875" customWidth="1"/>
    <col min="11016" max="11016" width="9" customWidth="1"/>
    <col min="11017" max="11017" width="10.1796875" bestFit="1" customWidth="1"/>
    <col min="11018" max="11018" width="9" bestFit="1" customWidth="1"/>
    <col min="11019" max="11019" width="10.1796875" bestFit="1" customWidth="1"/>
    <col min="11020" max="11020" width="9" bestFit="1" customWidth="1"/>
    <col min="11021" max="11021" width="10.1796875" bestFit="1" customWidth="1"/>
    <col min="11022" max="11022" width="9" bestFit="1" customWidth="1"/>
    <col min="11023" max="11023" width="10.1796875" bestFit="1" customWidth="1"/>
    <col min="11024" max="11024" width="9" bestFit="1" customWidth="1"/>
    <col min="11026" max="11026" width="10.26953125" bestFit="1" customWidth="1"/>
    <col min="11027" max="11027" width="9.26953125" bestFit="1" customWidth="1"/>
    <col min="11266" max="11266" width="40.54296875" bestFit="1" customWidth="1"/>
    <col min="11267" max="11267" width="10.1796875" bestFit="1" customWidth="1"/>
    <col min="11268" max="11268" width="9" bestFit="1" customWidth="1"/>
    <col min="11269" max="11269" width="10.1796875" bestFit="1" customWidth="1"/>
    <col min="11270" max="11270" width="11.1796875" customWidth="1"/>
    <col min="11271" max="11271" width="10.1796875" customWidth="1"/>
    <col min="11272" max="11272" width="9" customWidth="1"/>
    <col min="11273" max="11273" width="10.1796875" bestFit="1" customWidth="1"/>
    <col min="11274" max="11274" width="9" bestFit="1" customWidth="1"/>
    <col min="11275" max="11275" width="10.1796875" bestFit="1" customWidth="1"/>
    <col min="11276" max="11276" width="9" bestFit="1" customWidth="1"/>
    <col min="11277" max="11277" width="10.1796875" bestFit="1" customWidth="1"/>
    <col min="11278" max="11278" width="9" bestFit="1" customWidth="1"/>
    <col min="11279" max="11279" width="10.1796875" bestFit="1" customWidth="1"/>
    <col min="11280" max="11280" width="9" bestFit="1" customWidth="1"/>
    <col min="11282" max="11282" width="10.26953125" bestFit="1" customWidth="1"/>
    <col min="11283" max="11283" width="9.26953125" bestFit="1" customWidth="1"/>
    <col min="11522" max="11522" width="40.54296875" bestFit="1" customWidth="1"/>
    <col min="11523" max="11523" width="10.1796875" bestFit="1" customWidth="1"/>
    <col min="11524" max="11524" width="9" bestFit="1" customWidth="1"/>
    <col min="11525" max="11525" width="10.1796875" bestFit="1" customWidth="1"/>
    <col min="11526" max="11526" width="11.1796875" customWidth="1"/>
    <col min="11527" max="11527" width="10.1796875" customWidth="1"/>
    <col min="11528" max="11528" width="9" customWidth="1"/>
    <col min="11529" max="11529" width="10.1796875" bestFit="1" customWidth="1"/>
    <col min="11530" max="11530" width="9" bestFit="1" customWidth="1"/>
    <col min="11531" max="11531" width="10.1796875" bestFit="1" customWidth="1"/>
    <col min="11532" max="11532" width="9" bestFit="1" customWidth="1"/>
    <col min="11533" max="11533" width="10.1796875" bestFit="1" customWidth="1"/>
    <col min="11534" max="11534" width="9" bestFit="1" customWidth="1"/>
    <col min="11535" max="11535" width="10.1796875" bestFit="1" customWidth="1"/>
    <col min="11536" max="11536" width="9" bestFit="1" customWidth="1"/>
    <col min="11538" max="11538" width="10.26953125" bestFit="1" customWidth="1"/>
    <col min="11539" max="11539" width="9.26953125" bestFit="1" customWidth="1"/>
    <col min="11778" max="11778" width="40.54296875" bestFit="1" customWidth="1"/>
    <col min="11779" max="11779" width="10.1796875" bestFit="1" customWidth="1"/>
    <col min="11780" max="11780" width="9" bestFit="1" customWidth="1"/>
    <col min="11781" max="11781" width="10.1796875" bestFit="1" customWidth="1"/>
    <col min="11782" max="11782" width="11.1796875" customWidth="1"/>
    <col min="11783" max="11783" width="10.1796875" customWidth="1"/>
    <col min="11784" max="11784" width="9" customWidth="1"/>
    <col min="11785" max="11785" width="10.1796875" bestFit="1" customWidth="1"/>
    <col min="11786" max="11786" width="9" bestFit="1" customWidth="1"/>
    <col min="11787" max="11787" width="10.1796875" bestFit="1" customWidth="1"/>
    <col min="11788" max="11788" width="9" bestFit="1" customWidth="1"/>
    <col min="11789" max="11789" width="10.1796875" bestFit="1" customWidth="1"/>
    <col min="11790" max="11790" width="9" bestFit="1" customWidth="1"/>
    <col min="11791" max="11791" width="10.1796875" bestFit="1" customWidth="1"/>
    <col min="11792" max="11792" width="9" bestFit="1" customWidth="1"/>
    <col min="11794" max="11794" width="10.26953125" bestFit="1" customWidth="1"/>
    <col min="11795" max="11795" width="9.26953125" bestFit="1" customWidth="1"/>
    <col min="12034" max="12034" width="40.54296875" bestFit="1" customWidth="1"/>
    <col min="12035" max="12035" width="10.1796875" bestFit="1" customWidth="1"/>
    <col min="12036" max="12036" width="9" bestFit="1" customWidth="1"/>
    <col min="12037" max="12037" width="10.1796875" bestFit="1" customWidth="1"/>
    <col min="12038" max="12038" width="11.1796875" customWidth="1"/>
    <col min="12039" max="12039" width="10.1796875" customWidth="1"/>
    <col min="12040" max="12040" width="9" customWidth="1"/>
    <col min="12041" max="12041" width="10.1796875" bestFit="1" customWidth="1"/>
    <col min="12042" max="12042" width="9" bestFit="1" customWidth="1"/>
    <col min="12043" max="12043" width="10.1796875" bestFit="1" customWidth="1"/>
    <col min="12044" max="12044" width="9" bestFit="1" customWidth="1"/>
    <col min="12045" max="12045" width="10.1796875" bestFit="1" customWidth="1"/>
    <col min="12046" max="12046" width="9" bestFit="1" customWidth="1"/>
    <col min="12047" max="12047" width="10.1796875" bestFit="1" customWidth="1"/>
    <col min="12048" max="12048" width="9" bestFit="1" customWidth="1"/>
    <col min="12050" max="12050" width="10.26953125" bestFit="1" customWidth="1"/>
    <col min="12051" max="12051" width="9.26953125" bestFit="1" customWidth="1"/>
    <col min="12290" max="12290" width="40.54296875" bestFit="1" customWidth="1"/>
    <col min="12291" max="12291" width="10.1796875" bestFit="1" customWidth="1"/>
    <col min="12292" max="12292" width="9" bestFit="1" customWidth="1"/>
    <col min="12293" max="12293" width="10.1796875" bestFit="1" customWidth="1"/>
    <col min="12294" max="12294" width="11.1796875" customWidth="1"/>
    <col min="12295" max="12295" width="10.1796875" customWidth="1"/>
    <col min="12296" max="12296" width="9" customWidth="1"/>
    <col min="12297" max="12297" width="10.1796875" bestFit="1" customWidth="1"/>
    <col min="12298" max="12298" width="9" bestFit="1" customWidth="1"/>
    <col min="12299" max="12299" width="10.1796875" bestFit="1" customWidth="1"/>
    <col min="12300" max="12300" width="9" bestFit="1" customWidth="1"/>
    <col min="12301" max="12301" width="10.1796875" bestFit="1" customWidth="1"/>
    <col min="12302" max="12302" width="9" bestFit="1" customWidth="1"/>
    <col min="12303" max="12303" width="10.1796875" bestFit="1" customWidth="1"/>
    <col min="12304" max="12304" width="9" bestFit="1" customWidth="1"/>
    <col min="12306" max="12306" width="10.26953125" bestFit="1" customWidth="1"/>
    <col min="12307" max="12307" width="9.26953125" bestFit="1" customWidth="1"/>
    <col min="12546" max="12546" width="40.54296875" bestFit="1" customWidth="1"/>
    <col min="12547" max="12547" width="10.1796875" bestFit="1" customWidth="1"/>
    <col min="12548" max="12548" width="9" bestFit="1" customWidth="1"/>
    <col min="12549" max="12549" width="10.1796875" bestFit="1" customWidth="1"/>
    <col min="12550" max="12550" width="11.1796875" customWidth="1"/>
    <col min="12551" max="12551" width="10.1796875" customWidth="1"/>
    <col min="12552" max="12552" width="9" customWidth="1"/>
    <col min="12553" max="12553" width="10.1796875" bestFit="1" customWidth="1"/>
    <col min="12554" max="12554" width="9" bestFit="1" customWidth="1"/>
    <col min="12555" max="12555" width="10.1796875" bestFit="1" customWidth="1"/>
    <col min="12556" max="12556" width="9" bestFit="1" customWidth="1"/>
    <col min="12557" max="12557" width="10.1796875" bestFit="1" customWidth="1"/>
    <col min="12558" max="12558" width="9" bestFit="1" customWidth="1"/>
    <col min="12559" max="12559" width="10.1796875" bestFit="1" customWidth="1"/>
    <col min="12560" max="12560" width="9" bestFit="1" customWidth="1"/>
    <col min="12562" max="12562" width="10.26953125" bestFit="1" customWidth="1"/>
    <col min="12563" max="12563" width="9.26953125" bestFit="1" customWidth="1"/>
    <col min="12802" max="12802" width="40.54296875" bestFit="1" customWidth="1"/>
    <col min="12803" max="12803" width="10.1796875" bestFit="1" customWidth="1"/>
    <col min="12804" max="12804" width="9" bestFit="1" customWidth="1"/>
    <col min="12805" max="12805" width="10.1796875" bestFit="1" customWidth="1"/>
    <col min="12806" max="12806" width="11.1796875" customWidth="1"/>
    <col min="12807" max="12807" width="10.1796875" customWidth="1"/>
    <col min="12808" max="12808" width="9" customWidth="1"/>
    <col min="12809" max="12809" width="10.1796875" bestFit="1" customWidth="1"/>
    <col min="12810" max="12810" width="9" bestFit="1" customWidth="1"/>
    <col min="12811" max="12811" width="10.1796875" bestFit="1" customWidth="1"/>
    <col min="12812" max="12812" width="9" bestFit="1" customWidth="1"/>
    <col min="12813" max="12813" width="10.1796875" bestFit="1" customWidth="1"/>
    <col min="12814" max="12814" width="9" bestFit="1" customWidth="1"/>
    <col min="12815" max="12815" width="10.1796875" bestFit="1" customWidth="1"/>
    <col min="12816" max="12816" width="9" bestFit="1" customWidth="1"/>
    <col min="12818" max="12818" width="10.26953125" bestFit="1" customWidth="1"/>
    <col min="12819" max="12819" width="9.26953125" bestFit="1" customWidth="1"/>
    <col min="13058" max="13058" width="40.54296875" bestFit="1" customWidth="1"/>
    <col min="13059" max="13059" width="10.1796875" bestFit="1" customWidth="1"/>
    <col min="13060" max="13060" width="9" bestFit="1" customWidth="1"/>
    <col min="13061" max="13061" width="10.1796875" bestFit="1" customWidth="1"/>
    <col min="13062" max="13062" width="11.1796875" customWidth="1"/>
    <col min="13063" max="13063" width="10.1796875" customWidth="1"/>
    <col min="13064" max="13064" width="9" customWidth="1"/>
    <col min="13065" max="13065" width="10.1796875" bestFit="1" customWidth="1"/>
    <col min="13066" max="13066" width="9" bestFit="1" customWidth="1"/>
    <col min="13067" max="13067" width="10.1796875" bestFit="1" customWidth="1"/>
    <col min="13068" max="13068" width="9" bestFit="1" customWidth="1"/>
    <col min="13069" max="13069" width="10.1796875" bestFit="1" customWidth="1"/>
    <col min="13070" max="13070" width="9" bestFit="1" customWidth="1"/>
    <col min="13071" max="13071" width="10.1796875" bestFit="1" customWidth="1"/>
    <col min="13072" max="13072" width="9" bestFit="1" customWidth="1"/>
    <col min="13074" max="13074" width="10.26953125" bestFit="1" customWidth="1"/>
    <col min="13075" max="13075" width="9.26953125" bestFit="1" customWidth="1"/>
    <col min="13314" max="13314" width="40.54296875" bestFit="1" customWidth="1"/>
    <col min="13315" max="13315" width="10.1796875" bestFit="1" customWidth="1"/>
    <col min="13316" max="13316" width="9" bestFit="1" customWidth="1"/>
    <col min="13317" max="13317" width="10.1796875" bestFit="1" customWidth="1"/>
    <col min="13318" max="13318" width="11.1796875" customWidth="1"/>
    <col min="13319" max="13319" width="10.1796875" customWidth="1"/>
    <col min="13320" max="13320" width="9" customWidth="1"/>
    <col min="13321" max="13321" width="10.1796875" bestFit="1" customWidth="1"/>
    <col min="13322" max="13322" width="9" bestFit="1" customWidth="1"/>
    <col min="13323" max="13323" width="10.1796875" bestFit="1" customWidth="1"/>
    <col min="13324" max="13324" width="9" bestFit="1" customWidth="1"/>
    <col min="13325" max="13325" width="10.1796875" bestFit="1" customWidth="1"/>
    <col min="13326" max="13326" width="9" bestFit="1" customWidth="1"/>
    <col min="13327" max="13327" width="10.1796875" bestFit="1" customWidth="1"/>
    <col min="13328" max="13328" width="9" bestFit="1" customWidth="1"/>
    <col min="13330" max="13330" width="10.26953125" bestFit="1" customWidth="1"/>
    <col min="13331" max="13331" width="9.26953125" bestFit="1" customWidth="1"/>
    <col min="13570" max="13570" width="40.54296875" bestFit="1" customWidth="1"/>
    <col min="13571" max="13571" width="10.1796875" bestFit="1" customWidth="1"/>
    <col min="13572" max="13572" width="9" bestFit="1" customWidth="1"/>
    <col min="13573" max="13573" width="10.1796875" bestFit="1" customWidth="1"/>
    <col min="13574" max="13574" width="11.1796875" customWidth="1"/>
    <col min="13575" max="13575" width="10.1796875" customWidth="1"/>
    <col min="13576" max="13576" width="9" customWidth="1"/>
    <col min="13577" max="13577" width="10.1796875" bestFit="1" customWidth="1"/>
    <col min="13578" max="13578" width="9" bestFit="1" customWidth="1"/>
    <col min="13579" max="13579" width="10.1796875" bestFit="1" customWidth="1"/>
    <col min="13580" max="13580" width="9" bestFit="1" customWidth="1"/>
    <col min="13581" max="13581" width="10.1796875" bestFit="1" customWidth="1"/>
    <col min="13582" max="13582" width="9" bestFit="1" customWidth="1"/>
    <col min="13583" max="13583" width="10.1796875" bestFit="1" customWidth="1"/>
    <col min="13584" max="13584" width="9" bestFit="1" customWidth="1"/>
    <col min="13586" max="13586" width="10.26953125" bestFit="1" customWidth="1"/>
    <col min="13587" max="13587" width="9.26953125" bestFit="1" customWidth="1"/>
    <col min="13826" max="13826" width="40.54296875" bestFit="1" customWidth="1"/>
    <col min="13827" max="13827" width="10.1796875" bestFit="1" customWidth="1"/>
    <col min="13828" max="13828" width="9" bestFit="1" customWidth="1"/>
    <col min="13829" max="13829" width="10.1796875" bestFit="1" customWidth="1"/>
    <col min="13830" max="13830" width="11.1796875" customWidth="1"/>
    <col min="13831" max="13831" width="10.1796875" customWidth="1"/>
    <col min="13832" max="13832" width="9" customWidth="1"/>
    <col min="13833" max="13833" width="10.1796875" bestFit="1" customWidth="1"/>
    <col min="13834" max="13834" width="9" bestFit="1" customWidth="1"/>
    <col min="13835" max="13835" width="10.1796875" bestFit="1" customWidth="1"/>
    <col min="13836" max="13836" width="9" bestFit="1" customWidth="1"/>
    <col min="13837" max="13837" width="10.1796875" bestFit="1" customWidth="1"/>
    <col min="13838" max="13838" width="9" bestFit="1" customWidth="1"/>
    <col min="13839" max="13839" width="10.1796875" bestFit="1" customWidth="1"/>
    <col min="13840" max="13840" width="9" bestFit="1" customWidth="1"/>
    <col min="13842" max="13842" width="10.26953125" bestFit="1" customWidth="1"/>
    <col min="13843" max="13843" width="9.26953125" bestFit="1" customWidth="1"/>
    <col min="14082" max="14082" width="40.54296875" bestFit="1" customWidth="1"/>
    <col min="14083" max="14083" width="10.1796875" bestFit="1" customWidth="1"/>
    <col min="14084" max="14084" width="9" bestFit="1" customWidth="1"/>
    <col min="14085" max="14085" width="10.1796875" bestFit="1" customWidth="1"/>
    <col min="14086" max="14086" width="11.1796875" customWidth="1"/>
    <col min="14087" max="14087" width="10.1796875" customWidth="1"/>
    <col min="14088" max="14088" width="9" customWidth="1"/>
    <col min="14089" max="14089" width="10.1796875" bestFit="1" customWidth="1"/>
    <col min="14090" max="14090" width="9" bestFit="1" customWidth="1"/>
    <col min="14091" max="14091" width="10.1796875" bestFit="1" customWidth="1"/>
    <col min="14092" max="14092" width="9" bestFit="1" customWidth="1"/>
    <col min="14093" max="14093" width="10.1796875" bestFit="1" customWidth="1"/>
    <col min="14094" max="14094" width="9" bestFit="1" customWidth="1"/>
    <col min="14095" max="14095" width="10.1796875" bestFit="1" customWidth="1"/>
    <col min="14096" max="14096" width="9" bestFit="1" customWidth="1"/>
    <col min="14098" max="14098" width="10.26953125" bestFit="1" customWidth="1"/>
    <col min="14099" max="14099" width="9.26953125" bestFit="1" customWidth="1"/>
    <col min="14338" max="14338" width="40.54296875" bestFit="1" customWidth="1"/>
    <col min="14339" max="14339" width="10.1796875" bestFit="1" customWidth="1"/>
    <col min="14340" max="14340" width="9" bestFit="1" customWidth="1"/>
    <col min="14341" max="14341" width="10.1796875" bestFit="1" customWidth="1"/>
    <col min="14342" max="14342" width="11.1796875" customWidth="1"/>
    <col min="14343" max="14343" width="10.1796875" customWidth="1"/>
    <col min="14344" max="14344" width="9" customWidth="1"/>
    <col min="14345" max="14345" width="10.1796875" bestFit="1" customWidth="1"/>
    <col min="14346" max="14346" width="9" bestFit="1" customWidth="1"/>
    <col min="14347" max="14347" width="10.1796875" bestFit="1" customWidth="1"/>
    <col min="14348" max="14348" width="9" bestFit="1" customWidth="1"/>
    <col min="14349" max="14349" width="10.1796875" bestFit="1" customWidth="1"/>
    <col min="14350" max="14350" width="9" bestFit="1" customWidth="1"/>
    <col min="14351" max="14351" width="10.1796875" bestFit="1" customWidth="1"/>
    <col min="14352" max="14352" width="9" bestFit="1" customWidth="1"/>
    <col min="14354" max="14354" width="10.26953125" bestFit="1" customWidth="1"/>
    <col min="14355" max="14355" width="9.26953125" bestFit="1" customWidth="1"/>
    <col min="14594" max="14594" width="40.54296875" bestFit="1" customWidth="1"/>
    <col min="14595" max="14595" width="10.1796875" bestFit="1" customWidth="1"/>
    <col min="14596" max="14596" width="9" bestFit="1" customWidth="1"/>
    <col min="14597" max="14597" width="10.1796875" bestFit="1" customWidth="1"/>
    <col min="14598" max="14598" width="11.1796875" customWidth="1"/>
    <col min="14599" max="14599" width="10.1796875" customWidth="1"/>
    <col min="14600" max="14600" width="9" customWidth="1"/>
    <col min="14601" max="14601" width="10.1796875" bestFit="1" customWidth="1"/>
    <col min="14602" max="14602" width="9" bestFit="1" customWidth="1"/>
    <col min="14603" max="14603" width="10.1796875" bestFit="1" customWidth="1"/>
    <col min="14604" max="14604" width="9" bestFit="1" customWidth="1"/>
    <col min="14605" max="14605" width="10.1796875" bestFit="1" customWidth="1"/>
    <col min="14606" max="14606" width="9" bestFit="1" customWidth="1"/>
    <col min="14607" max="14607" width="10.1796875" bestFit="1" customWidth="1"/>
    <col min="14608" max="14608" width="9" bestFit="1" customWidth="1"/>
    <col min="14610" max="14610" width="10.26953125" bestFit="1" customWidth="1"/>
    <col min="14611" max="14611" width="9.26953125" bestFit="1" customWidth="1"/>
    <col min="14850" max="14850" width="40.54296875" bestFit="1" customWidth="1"/>
    <col min="14851" max="14851" width="10.1796875" bestFit="1" customWidth="1"/>
    <col min="14852" max="14852" width="9" bestFit="1" customWidth="1"/>
    <col min="14853" max="14853" width="10.1796875" bestFit="1" customWidth="1"/>
    <col min="14854" max="14854" width="11.1796875" customWidth="1"/>
    <col min="14855" max="14855" width="10.1796875" customWidth="1"/>
    <col min="14856" max="14856" width="9" customWidth="1"/>
    <col min="14857" max="14857" width="10.1796875" bestFit="1" customWidth="1"/>
    <col min="14858" max="14858" width="9" bestFit="1" customWidth="1"/>
    <col min="14859" max="14859" width="10.1796875" bestFit="1" customWidth="1"/>
    <col min="14860" max="14860" width="9" bestFit="1" customWidth="1"/>
    <col min="14861" max="14861" width="10.1796875" bestFit="1" customWidth="1"/>
    <col min="14862" max="14862" width="9" bestFit="1" customWidth="1"/>
    <col min="14863" max="14863" width="10.1796875" bestFit="1" customWidth="1"/>
    <col min="14864" max="14864" width="9" bestFit="1" customWidth="1"/>
    <col min="14866" max="14866" width="10.26953125" bestFit="1" customWidth="1"/>
    <col min="14867" max="14867" width="9.26953125" bestFit="1" customWidth="1"/>
    <col min="15106" max="15106" width="40.54296875" bestFit="1" customWidth="1"/>
    <col min="15107" max="15107" width="10.1796875" bestFit="1" customWidth="1"/>
    <col min="15108" max="15108" width="9" bestFit="1" customWidth="1"/>
    <col min="15109" max="15109" width="10.1796875" bestFit="1" customWidth="1"/>
    <col min="15110" max="15110" width="11.1796875" customWidth="1"/>
    <col min="15111" max="15111" width="10.1796875" customWidth="1"/>
    <col min="15112" max="15112" width="9" customWidth="1"/>
    <col min="15113" max="15113" width="10.1796875" bestFit="1" customWidth="1"/>
    <col min="15114" max="15114" width="9" bestFit="1" customWidth="1"/>
    <col min="15115" max="15115" width="10.1796875" bestFit="1" customWidth="1"/>
    <col min="15116" max="15116" width="9" bestFit="1" customWidth="1"/>
    <col min="15117" max="15117" width="10.1796875" bestFit="1" customWidth="1"/>
    <col min="15118" max="15118" width="9" bestFit="1" customWidth="1"/>
    <col min="15119" max="15119" width="10.1796875" bestFit="1" customWidth="1"/>
    <col min="15120" max="15120" width="9" bestFit="1" customWidth="1"/>
    <col min="15122" max="15122" width="10.26953125" bestFit="1" customWidth="1"/>
    <col min="15123" max="15123" width="9.26953125" bestFit="1" customWidth="1"/>
    <col min="15362" max="15362" width="40.54296875" bestFit="1" customWidth="1"/>
    <col min="15363" max="15363" width="10.1796875" bestFit="1" customWidth="1"/>
    <col min="15364" max="15364" width="9" bestFit="1" customWidth="1"/>
    <col min="15365" max="15365" width="10.1796875" bestFit="1" customWidth="1"/>
    <col min="15366" max="15366" width="11.1796875" customWidth="1"/>
    <col min="15367" max="15367" width="10.1796875" customWidth="1"/>
    <col min="15368" max="15368" width="9" customWidth="1"/>
    <col min="15369" max="15369" width="10.1796875" bestFit="1" customWidth="1"/>
    <col min="15370" max="15370" width="9" bestFit="1" customWidth="1"/>
    <col min="15371" max="15371" width="10.1796875" bestFit="1" customWidth="1"/>
    <col min="15372" max="15372" width="9" bestFit="1" customWidth="1"/>
    <col min="15373" max="15373" width="10.1796875" bestFit="1" customWidth="1"/>
    <col min="15374" max="15374" width="9" bestFit="1" customWidth="1"/>
    <col min="15375" max="15375" width="10.1796875" bestFit="1" customWidth="1"/>
    <col min="15376" max="15376" width="9" bestFit="1" customWidth="1"/>
    <col min="15378" max="15378" width="10.26953125" bestFit="1" customWidth="1"/>
    <col min="15379" max="15379" width="9.26953125" bestFit="1" customWidth="1"/>
    <col min="15618" max="15618" width="40.54296875" bestFit="1" customWidth="1"/>
    <col min="15619" max="15619" width="10.1796875" bestFit="1" customWidth="1"/>
    <col min="15620" max="15620" width="9" bestFit="1" customWidth="1"/>
    <col min="15621" max="15621" width="10.1796875" bestFit="1" customWidth="1"/>
    <col min="15622" max="15622" width="11.1796875" customWidth="1"/>
    <col min="15623" max="15623" width="10.1796875" customWidth="1"/>
    <col min="15624" max="15624" width="9" customWidth="1"/>
    <col min="15625" max="15625" width="10.1796875" bestFit="1" customWidth="1"/>
    <col min="15626" max="15626" width="9" bestFit="1" customWidth="1"/>
    <col min="15627" max="15627" width="10.1796875" bestFit="1" customWidth="1"/>
    <col min="15628" max="15628" width="9" bestFit="1" customWidth="1"/>
    <col min="15629" max="15629" width="10.1796875" bestFit="1" customWidth="1"/>
    <col min="15630" max="15630" width="9" bestFit="1" customWidth="1"/>
    <col min="15631" max="15631" width="10.1796875" bestFit="1" customWidth="1"/>
    <col min="15632" max="15632" width="9" bestFit="1" customWidth="1"/>
    <col min="15634" max="15634" width="10.26953125" bestFit="1" customWidth="1"/>
    <col min="15635" max="15635" width="9.26953125" bestFit="1" customWidth="1"/>
    <col min="15874" max="15874" width="40.54296875" bestFit="1" customWidth="1"/>
    <col min="15875" max="15875" width="10.1796875" bestFit="1" customWidth="1"/>
    <col min="15876" max="15876" width="9" bestFit="1" customWidth="1"/>
    <col min="15877" max="15877" width="10.1796875" bestFit="1" customWidth="1"/>
    <col min="15878" max="15878" width="11.1796875" customWidth="1"/>
    <col min="15879" max="15879" width="10.1796875" customWidth="1"/>
    <col min="15880" max="15880" width="9" customWidth="1"/>
    <col min="15881" max="15881" width="10.1796875" bestFit="1" customWidth="1"/>
    <col min="15882" max="15882" width="9" bestFit="1" customWidth="1"/>
    <col min="15883" max="15883" width="10.1796875" bestFit="1" customWidth="1"/>
    <col min="15884" max="15884" width="9" bestFit="1" customWidth="1"/>
    <col min="15885" max="15885" width="10.1796875" bestFit="1" customWidth="1"/>
    <col min="15886" max="15886" width="9" bestFit="1" customWidth="1"/>
    <col min="15887" max="15887" width="10.1796875" bestFit="1" customWidth="1"/>
    <col min="15888" max="15888" width="9" bestFit="1" customWidth="1"/>
    <col min="15890" max="15890" width="10.26953125" bestFit="1" customWidth="1"/>
    <col min="15891" max="15891" width="9.26953125" bestFit="1" customWidth="1"/>
    <col min="16130" max="16130" width="40.54296875" bestFit="1" customWidth="1"/>
    <col min="16131" max="16131" width="10.1796875" bestFit="1" customWidth="1"/>
    <col min="16132" max="16132" width="9" bestFit="1" customWidth="1"/>
    <col min="16133" max="16133" width="10.1796875" bestFit="1" customWidth="1"/>
    <col min="16134" max="16134" width="11.1796875" customWidth="1"/>
    <col min="16135" max="16135" width="10.1796875" customWidth="1"/>
    <col min="16136" max="16136" width="9" customWidth="1"/>
    <col min="16137" max="16137" width="10.1796875" bestFit="1" customWidth="1"/>
    <col min="16138" max="16138" width="9" bestFit="1" customWidth="1"/>
    <col min="16139" max="16139" width="10.1796875" bestFit="1" customWidth="1"/>
    <col min="16140" max="16140" width="9" bestFit="1" customWidth="1"/>
    <col min="16141" max="16141" width="10.1796875" bestFit="1" customWidth="1"/>
    <col min="16142" max="16142" width="9" bestFit="1" customWidth="1"/>
    <col min="16143" max="16143" width="10.1796875" bestFit="1" customWidth="1"/>
    <col min="16144" max="16144" width="9" bestFit="1" customWidth="1"/>
    <col min="16146" max="16146" width="10.26953125" bestFit="1" customWidth="1"/>
    <col min="16147" max="16147" width="9.26953125" bestFit="1" customWidth="1"/>
  </cols>
  <sheetData>
    <row r="1" spans="1:18" s="1" customFormat="1" ht="19.5" customHeight="1" x14ac:dyDescent="0.35">
      <c r="A1" s="32" t="s">
        <v>0</v>
      </c>
      <c r="B1" s="32"/>
      <c r="C1" s="32"/>
      <c r="D1" s="32"/>
      <c r="E1" s="32"/>
      <c r="F1" s="32"/>
      <c r="R1" s="2"/>
    </row>
    <row r="2" spans="1:18" s="1" customFormat="1" ht="19.5" customHeight="1" x14ac:dyDescent="0.35">
      <c r="A2" s="32" t="s">
        <v>72</v>
      </c>
      <c r="B2" s="32"/>
      <c r="C2" s="32"/>
      <c r="D2" s="32"/>
      <c r="E2" s="32"/>
      <c r="F2" s="32"/>
      <c r="R2" s="2"/>
    </row>
    <row r="3" spans="1:18" s="1" customFormat="1" ht="19.5" customHeight="1" x14ac:dyDescent="0.35">
      <c r="A3" s="33" t="s">
        <v>73</v>
      </c>
      <c r="B3" s="33"/>
      <c r="C3" s="33"/>
      <c r="D3" s="33"/>
      <c r="E3" s="33"/>
      <c r="F3" s="33"/>
      <c r="L3" s="2"/>
    </row>
    <row r="4" spans="1:18" s="1" customFormat="1" ht="19.5" customHeight="1" x14ac:dyDescent="0.35">
      <c r="A4" s="34" t="s">
        <v>1</v>
      </c>
      <c r="B4" s="34"/>
      <c r="C4" s="34"/>
      <c r="D4" s="34"/>
      <c r="E4" s="34"/>
      <c r="F4" s="34"/>
      <c r="L4" s="2"/>
    </row>
    <row r="5" spans="1:18" s="1" customFormat="1" ht="19.5" customHeight="1" x14ac:dyDescent="0.35">
      <c r="R5" s="2"/>
    </row>
    <row r="6" spans="1:18" s="1" customFormat="1" ht="19.5" customHeight="1" x14ac:dyDescent="0.35">
      <c r="R6" s="2"/>
    </row>
    <row r="7" spans="1:18" ht="15" thickBot="1" x14ac:dyDescent="0.4">
      <c r="A7" s="35"/>
      <c r="B7" s="35"/>
      <c r="C7" s="36"/>
      <c r="D7" s="36"/>
      <c r="E7" s="37"/>
      <c r="F7" s="37"/>
      <c r="G7" s="4"/>
      <c r="H7" s="4"/>
      <c r="I7" s="3"/>
      <c r="J7" s="3"/>
      <c r="Q7" s="5"/>
    </row>
    <row r="8" spans="1:18" x14ac:dyDescent="0.35">
      <c r="A8" s="28" t="s">
        <v>2</v>
      </c>
      <c r="B8" s="30" t="s">
        <v>3</v>
      </c>
      <c r="C8" s="26" t="s">
        <v>4</v>
      </c>
      <c r="D8" s="27"/>
      <c r="F8" s="6"/>
      <c r="R8"/>
    </row>
    <row r="9" spans="1:18" s="11" customFormat="1" ht="66" thickBot="1" x14ac:dyDescent="0.4">
      <c r="A9" s="29"/>
      <c r="B9" s="31"/>
      <c r="C9" s="7" t="s">
        <v>5</v>
      </c>
      <c r="D9" s="8" t="s">
        <v>6</v>
      </c>
      <c r="E9" s="9"/>
      <c r="F9" s="10"/>
    </row>
    <row r="10" spans="1:18" x14ac:dyDescent="0.35">
      <c r="A10" s="12">
        <v>13</v>
      </c>
      <c r="B10" s="13" t="s">
        <v>7</v>
      </c>
      <c r="C10" s="15"/>
      <c r="D10" s="14">
        <v>0</v>
      </c>
      <c r="F10" s="6"/>
      <c r="G10" s="16"/>
      <c r="R10"/>
    </row>
    <row r="11" spans="1:18" x14ac:dyDescent="0.35">
      <c r="A11" s="17">
        <v>15</v>
      </c>
      <c r="B11" s="18" t="s">
        <v>8</v>
      </c>
      <c r="C11" s="20"/>
      <c r="D11" s="19">
        <v>0</v>
      </c>
      <c r="F11" s="21"/>
      <c r="G11" s="16"/>
      <c r="R11"/>
    </row>
    <row r="12" spans="1:18" x14ac:dyDescent="0.35">
      <c r="A12" s="12">
        <v>16</v>
      </c>
      <c r="B12" s="13" t="s">
        <v>9</v>
      </c>
      <c r="C12" s="15"/>
      <c r="D12" s="14">
        <v>0</v>
      </c>
      <c r="F12" s="6"/>
      <c r="G12" s="16"/>
      <c r="R12"/>
    </row>
    <row r="13" spans="1:18" x14ac:dyDescent="0.35">
      <c r="A13" s="17">
        <v>19</v>
      </c>
      <c r="B13" s="18" t="s">
        <v>10</v>
      </c>
      <c r="C13" s="20">
        <v>1788.6852107729242</v>
      </c>
      <c r="D13" s="19">
        <v>1.5419700092870037</v>
      </c>
      <c r="F13" s="21"/>
      <c r="G13" s="16"/>
      <c r="R13"/>
    </row>
    <row r="14" spans="1:18" x14ac:dyDescent="0.35">
      <c r="A14" s="12">
        <v>20</v>
      </c>
      <c r="B14" s="13" t="s">
        <v>11</v>
      </c>
      <c r="C14" s="15">
        <v>2369.1219504185356</v>
      </c>
      <c r="D14" s="14">
        <v>2.0423465089814963</v>
      </c>
      <c r="F14" s="6"/>
      <c r="G14" s="16"/>
      <c r="R14"/>
    </row>
    <row r="15" spans="1:18" x14ac:dyDescent="0.35">
      <c r="A15" s="17">
        <v>21</v>
      </c>
      <c r="B15" s="18" t="s">
        <v>12</v>
      </c>
      <c r="C15" s="20"/>
      <c r="D15" s="19">
        <v>0</v>
      </c>
      <c r="F15" s="21"/>
      <c r="G15" s="16"/>
      <c r="R15"/>
    </row>
    <row r="16" spans="1:18" x14ac:dyDescent="0.35">
      <c r="A16" s="12">
        <v>22</v>
      </c>
      <c r="B16" s="13" t="s">
        <v>13</v>
      </c>
      <c r="C16" s="15">
        <v>3247.5362140247566</v>
      </c>
      <c r="D16" s="14">
        <v>2.7996001845041008</v>
      </c>
      <c r="F16" s="6"/>
      <c r="G16" s="16"/>
      <c r="R16"/>
    </row>
    <row r="17" spans="1:18" x14ac:dyDescent="0.35">
      <c r="A17" s="17">
        <v>23</v>
      </c>
      <c r="B17" s="18" t="s">
        <v>14</v>
      </c>
      <c r="C17" s="20"/>
      <c r="D17" s="19">
        <v>0</v>
      </c>
      <c r="F17" s="21"/>
      <c r="G17" s="16"/>
      <c r="R17"/>
    </row>
    <row r="18" spans="1:18" x14ac:dyDescent="0.35">
      <c r="A18" s="12">
        <v>24</v>
      </c>
      <c r="B18" s="13" t="s">
        <v>15</v>
      </c>
      <c r="C18" s="15">
        <v>7846.5613655728102</v>
      </c>
      <c r="D18" s="14">
        <v>6.7642770392869052</v>
      </c>
      <c r="F18" s="21"/>
      <c r="G18" s="16"/>
      <c r="R18"/>
    </row>
    <row r="19" spans="1:18" x14ac:dyDescent="0.35">
      <c r="A19" s="17">
        <v>25</v>
      </c>
      <c r="B19" s="18" t="s">
        <v>16</v>
      </c>
      <c r="C19" s="20"/>
      <c r="D19" s="19">
        <v>0</v>
      </c>
      <c r="F19" s="6"/>
      <c r="G19" s="16"/>
      <c r="R19"/>
    </row>
    <row r="20" spans="1:18" x14ac:dyDescent="0.35">
      <c r="A20" s="22">
        <v>26</v>
      </c>
      <c r="B20" s="23" t="s">
        <v>17</v>
      </c>
      <c r="C20" s="25">
        <v>9148.3986441918187</v>
      </c>
      <c r="D20" s="24">
        <v>7.8865505553377746</v>
      </c>
      <c r="F20" s="6"/>
      <c r="G20" s="16"/>
      <c r="R20"/>
    </row>
    <row r="21" spans="1:18" x14ac:dyDescent="0.35">
      <c r="A21" s="17">
        <v>30</v>
      </c>
      <c r="B21" s="18" t="s">
        <v>18</v>
      </c>
      <c r="C21" s="20"/>
      <c r="D21" s="19">
        <v>0</v>
      </c>
      <c r="F21" s="6"/>
      <c r="G21" s="16"/>
      <c r="R21"/>
    </row>
    <row r="22" spans="1:18" x14ac:dyDescent="0.35">
      <c r="A22" s="22">
        <v>32</v>
      </c>
      <c r="B22" s="23" t="s">
        <v>19</v>
      </c>
      <c r="C22" s="25">
        <v>3157.0854046980321</v>
      </c>
      <c r="D22" s="24">
        <v>2.7216253488776139</v>
      </c>
      <c r="F22" s="6"/>
      <c r="G22" s="16"/>
      <c r="R22"/>
    </row>
    <row r="23" spans="1:18" x14ac:dyDescent="0.35">
      <c r="A23" s="17">
        <v>33</v>
      </c>
      <c r="B23" s="18" t="s">
        <v>20</v>
      </c>
      <c r="C23" s="20"/>
      <c r="D23" s="19">
        <v>0</v>
      </c>
      <c r="F23" s="6"/>
      <c r="G23" s="16"/>
      <c r="R23"/>
    </row>
    <row r="24" spans="1:18" x14ac:dyDescent="0.35">
      <c r="A24" s="22">
        <v>34</v>
      </c>
      <c r="B24" s="23" t="s">
        <v>21</v>
      </c>
      <c r="C24" s="25">
        <v>8397.7483439129464</v>
      </c>
      <c r="D24" s="24">
        <v>7.2394382275111608</v>
      </c>
      <c r="F24" s="6"/>
      <c r="G24" s="16"/>
      <c r="R24"/>
    </row>
    <row r="25" spans="1:18" x14ac:dyDescent="0.35">
      <c r="A25" s="17">
        <v>36</v>
      </c>
      <c r="B25" s="18" t="s">
        <v>22</v>
      </c>
      <c r="C25" s="20"/>
      <c r="D25" s="19">
        <v>0</v>
      </c>
      <c r="F25" s="6"/>
      <c r="G25" s="16"/>
      <c r="R25"/>
    </row>
    <row r="26" spans="1:18" x14ac:dyDescent="0.35">
      <c r="A26" s="22">
        <v>40</v>
      </c>
      <c r="B26" s="23" t="s">
        <v>23</v>
      </c>
      <c r="C26" s="25">
        <v>11901.170254637047</v>
      </c>
      <c r="D26" s="24">
        <v>10.259629529859524</v>
      </c>
      <c r="F26" s="6"/>
      <c r="G26" s="16"/>
      <c r="R26"/>
    </row>
    <row r="27" spans="1:18" x14ac:dyDescent="0.35">
      <c r="A27" s="17">
        <v>41</v>
      </c>
      <c r="B27" s="18" t="s">
        <v>24</v>
      </c>
      <c r="C27" s="20"/>
      <c r="D27" s="19">
        <v>0</v>
      </c>
      <c r="F27" s="6"/>
      <c r="G27" s="16"/>
      <c r="R27"/>
    </row>
    <row r="28" spans="1:18" x14ac:dyDescent="0.35">
      <c r="A28" s="22">
        <v>42</v>
      </c>
      <c r="B28" s="23" t="s">
        <v>25</v>
      </c>
      <c r="C28" s="25">
        <v>11327.877641443856</v>
      </c>
      <c r="D28" s="24">
        <v>9.765411759865394</v>
      </c>
      <c r="F28" s="6"/>
      <c r="G28" s="16"/>
      <c r="R28"/>
    </row>
    <row r="29" spans="1:18" x14ac:dyDescent="0.35">
      <c r="A29" s="17">
        <v>43</v>
      </c>
      <c r="B29" s="18" t="s">
        <v>26</v>
      </c>
      <c r="C29" s="20"/>
      <c r="D29" s="19">
        <v>0</v>
      </c>
      <c r="F29" s="6"/>
      <c r="G29" s="16"/>
      <c r="R29"/>
    </row>
    <row r="30" spans="1:18" x14ac:dyDescent="0.35">
      <c r="A30" s="22">
        <v>44</v>
      </c>
      <c r="B30" s="23" t="s">
        <v>27</v>
      </c>
      <c r="C30" s="25">
        <v>11252.550862185863</v>
      </c>
      <c r="D30" s="24">
        <v>9.7004748811947099</v>
      </c>
      <c r="F30" s="6"/>
      <c r="G30" s="16"/>
      <c r="R30"/>
    </row>
    <row r="31" spans="1:18" x14ac:dyDescent="0.35">
      <c r="A31" s="17">
        <v>45</v>
      </c>
      <c r="B31" s="18" t="s">
        <v>28</v>
      </c>
      <c r="C31" s="20"/>
      <c r="D31" s="19">
        <v>0</v>
      </c>
      <c r="F31" s="6"/>
      <c r="G31" s="16"/>
      <c r="R31"/>
    </row>
    <row r="32" spans="1:18" x14ac:dyDescent="0.35">
      <c r="A32" s="22">
        <v>46</v>
      </c>
      <c r="B32" s="23" t="s">
        <v>29</v>
      </c>
      <c r="C32" s="25"/>
      <c r="D32" s="24">
        <v>0</v>
      </c>
      <c r="F32" s="6"/>
      <c r="G32" s="16"/>
      <c r="R32"/>
    </row>
    <row r="33" spans="1:18" x14ac:dyDescent="0.35">
      <c r="A33" s="17">
        <v>49</v>
      </c>
      <c r="B33" s="18" t="s">
        <v>30</v>
      </c>
      <c r="C33" s="20"/>
      <c r="D33" s="19">
        <v>0</v>
      </c>
      <c r="F33" s="6"/>
      <c r="G33" s="16"/>
      <c r="R33"/>
    </row>
    <row r="34" spans="1:18" x14ac:dyDescent="0.35">
      <c r="A34" s="22">
        <v>50</v>
      </c>
      <c r="B34" s="23" t="s">
        <v>31</v>
      </c>
      <c r="C34" s="25"/>
      <c r="D34" s="24">
        <v>0</v>
      </c>
      <c r="F34" s="6"/>
      <c r="G34" s="16"/>
      <c r="R34"/>
    </row>
    <row r="35" spans="1:18" x14ac:dyDescent="0.35">
      <c r="A35" s="17">
        <v>53</v>
      </c>
      <c r="B35" s="18" t="s">
        <v>32</v>
      </c>
      <c r="C35" s="20"/>
      <c r="D35" s="19">
        <v>0</v>
      </c>
      <c r="F35" s="6"/>
      <c r="G35" s="16"/>
      <c r="R35"/>
    </row>
    <row r="36" spans="1:18" x14ac:dyDescent="0.35">
      <c r="A36" s="22">
        <v>54</v>
      </c>
      <c r="B36" s="23" t="s">
        <v>33</v>
      </c>
      <c r="C36" s="25">
        <v>8758.4969964205411</v>
      </c>
      <c r="D36" s="24">
        <v>7.5504284451901214</v>
      </c>
      <c r="F36" s="6"/>
      <c r="G36" s="16"/>
      <c r="R36"/>
    </row>
    <row r="37" spans="1:18" x14ac:dyDescent="0.35">
      <c r="A37" s="17">
        <v>55</v>
      </c>
      <c r="B37" s="18" t="s">
        <v>34</v>
      </c>
      <c r="C37" s="20"/>
      <c r="D37" s="19">
        <v>0</v>
      </c>
      <c r="F37" s="6"/>
      <c r="G37" s="16"/>
      <c r="R37"/>
    </row>
    <row r="38" spans="1:18" x14ac:dyDescent="0.35">
      <c r="A38" s="22">
        <v>56</v>
      </c>
      <c r="B38" s="23" t="s">
        <v>35</v>
      </c>
      <c r="C38" s="25">
        <v>14574.249277847483</v>
      </c>
      <c r="D38" s="24">
        <v>12.564007998144382</v>
      </c>
      <c r="F38" s="6"/>
      <c r="G38" s="16"/>
      <c r="R38"/>
    </row>
    <row r="39" spans="1:18" x14ac:dyDescent="0.35">
      <c r="A39" s="17">
        <v>59</v>
      </c>
      <c r="B39" s="18" t="s">
        <v>36</v>
      </c>
      <c r="C39" s="20">
        <v>7023.0963767917428</v>
      </c>
      <c r="D39" s="19">
        <v>6.0543934282687442</v>
      </c>
      <c r="F39" s="6"/>
      <c r="G39" s="16"/>
      <c r="R39"/>
    </row>
    <row r="40" spans="1:18" x14ac:dyDescent="0.35">
      <c r="A40" s="22">
        <v>60</v>
      </c>
      <c r="B40" s="23" t="s">
        <v>37</v>
      </c>
      <c r="C40" s="25"/>
      <c r="D40" s="24">
        <v>0</v>
      </c>
      <c r="F40" s="6"/>
      <c r="G40" s="16"/>
      <c r="R40"/>
    </row>
    <row r="41" spans="1:18" x14ac:dyDescent="0.35">
      <c r="A41" s="17">
        <v>61</v>
      </c>
      <c r="B41" s="18" t="s">
        <v>38</v>
      </c>
      <c r="C41" s="20">
        <v>25749.407093843092</v>
      </c>
      <c r="D41" s="19">
        <v>22.19776473607163</v>
      </c>
      <c r="F41" s="6"/>
      <c r="G41" s="16"/>
      <c r="R41"/>
    </row>
    <row r="42" spans="1:18" x14ac:dyDescent="0.35">
      <c r="A42" s="22">
        <v>65</v>
      </c>
      <c r="B42" s="23" t="s">
        <v>39</v>
      </c>
      <c r="C42" s="25"/>
      <c r="D42" s="24">
        <v>0</v>
      </c>
      <c r="F42" s="6"/>
      <c r="G42" s="16"/>
      <c r="R42"/>
    </row>
    <row r="43" spans="1:18" x14ac:dyDescent="0.35">
      <c r="A43" s="17">
        <v>66</v>
      </c>
      <c r="B43" s="18" t="s">
        <v>40</v>
      </c>
      <c r="C43" s="20">
        <v>14774.800294835788</v>
      </c>
      <c r="D43" s="19">
        <v>12.73689680589292</v>
      </c>
      <c r="F43" s="6"/>
      <c r="G43" s="16"/>
      <c r="R43"/>
    </row>
    <row r="44" spans="1:18" x14ac:dyDescent="0.35">
      <c r="A44" s="22">
        <v>67</v>
      </c>
      <c r="B44" s="23" t="s">
        <v>41</v>
      </c>
      <c r="C44" s="25"/>
      <c r="D44" s="24">
        <v>0</v>
      </c>
      <c r="F44" s="6"/>
      <c r="G44" s="16"/>
      <c r="R44"/>
    </row>
    <row r="45" spans="1:18" x14ac:dyDescent="0.35">
      <c r="A45" s="17">
        <v>68</v>
      </c>
      <c r="B45" s="18" t="s">
        <v>42</v>
      </c>
      <c r="C45" s="20">
        <v>26344.222414133143</v>
      </c>
      <c r="D45" s="19">
        <v>22.71053656390788</v>
      </c>
      <c r="F45" s="6"/>
      <c r="G45" s="16"/>
      <c r="R45"/>
    </row>
    <row r="46" spans="1:18" x14ac:dyDescent="0.35">
      <c r="A46" s="12">
        <v>69</v>
      </c>
      <c r="B46" s="13" t="s">
        <v>43</v>
      </c>
      <c r="C46" s="15">
        <v>17802.798840096362</v>
      </c>
      <c r="D46" s="14">
        <v>15.347240379393416</v>
      </c>
      <c r="F46" s="6"/>
      <c r="G46" s="16"/>
      <c r="R46"/>
    </row>
    <row r="47" spans="1:18" x14ac:dyDescent="0.35">
      <c r="A47" s="17">
        <v>70</v>
      </c>
      <c r="B47" s="18" t="s">
        <v>44</v>
      </c>
      <c r="C47" s="20">
        <v>9981.2561324230046</v>
      </c>
      <c r="D47" s="19">
        <v>8.6045311486405218</v>
      </c>
      <c r="F47" s="21"/>
      <c r="G47" s="16"/>
      <c r="R47"/>
    </row>
    <row r="48" spans="1:18" x14ac:dyDescent="0.35">
      <c r="A48" s="12">
        <v>71</v>
      </c>
      <c r="B48" s="13" t="s">
        <v>45</v>
      </c>
      <c r="C48" s="15">
        <v>29788.405827522682</v>
      </c>
      <c r="D48" s="14">
        <v>25.679660196140244</v>
      </c>
      <c r="F48" s="6"/>
      <c r="G48" s="16"/>
      <c r="R48"/>
    </row>
    <row r="49" spans="1:18" x14ac:dyDescent="0.35">
      <c r="A49" s="17">
        <v>72</v>
      </c>
      <c r="B49" s="18" t="s">
        <v>46</v>
      </c>
      <c r="C49" s="20">
        <v>31967.272025408787</v>
      </c>
      <c r="D49" s="19">
        <v>27.557993125352404</v>
      </c>
      <c r="F49" s="21"/>
      <c r="G49" s="16"/>
      <c r="R49"/>
    </row>
    <row r="50" spans="1:18" x14ac:dyDescent="0.35">
      <c r="A50" s="12">
        <v>73</v>
      </c>
      <c r="B50" s="13" t="s">
        <v>47</v>
      </c>
      <c r="C50" s="15"/>
      <c r="D50" s="14">
        <v>0</v>
      </c>
      <c r="F50" s="6"/>
      <c r="G50" s="16"/>
      <c r="R50"/>
    </row>
    <row r="51" spans="1:18" x14ac:dyDescent="0.35">
      <c r="A51" s="17">
        <v>75</v>
      </c>
      <c r="B51" s="18" t="s">
        <v>48</v>
      </c>
      <c r="C51" s="20"/>
      <c r="D51" s="19">
        <v>0</v>
      </c>
      <c r="F51" s="21"/>
      <c r="G51" s="16"/>
      <c r="R51"/>
    </row>
    <row r="52" spans="1:18" x14ac:dyDescent="0.35">
      <c r="A52" s="12">
        <v>76</v>
      </c>
      <c r="B52" s="13" t="s">
        <v>49</v>
      </c>
      <c r="C52" s="15"/>
      <c r="D52" s="14">
        <v>0</v>
      </c>
      <c r="F52" s="6"/>
      <c r="G52" s="16"/>
      <c r="R52"/>
    </row>
    <row r="53" spans="1:18" x14ac:dyDescent="0.35">
      <c r="A53" s="17">
        <v>77</v>
      </c>
      <c r="B53" s="18" t="s">
        <v>50</v>
      </c>
      <c r="C53" s="20"/>
      <c r="D53" s="19">
        <v>0</v>
      </c>
      <c r="F53" s="21"/>
      <c r="G53" s="16"/>
      <c r="R53"/>
    </row>
    <row r="54" spans="1:18" x14ac:dyDescent="0.35">
      <c r="A54" s="12">
        <v>78</v>
      </c>
      <c r="B54" s="13" t="s">
        <v>51</v>
      </c>
      <c r="C54" s="15"/>
      <c r="D54" s="14">
        <v>0</v>
      </c>
      <c r="F54" s="6"/>
      <c r="G54" s="16"/>
      <c r="R54"/>
    </row>
    <row r="55" spans="1:18" x14ac:dyDescent="0.35">
      <c r="A55" s="17">
        <v>79</v>
      </c>
      <c r="B55" s="18" t="s">
        <v>52</v>
      </c>
      <c r="C55" s="20"/>
      <c r="D55" s="19">
        <v>0</v>
      </c>
      <c r="F55" s="21"/>
      <c r="G55" s="16"/>
      <c r="R55"/>
    </row>
    <row r="56" spans="1:18" x14ac:dyDescent="0.35">
      <c r="A56" s="12">
        <v>80</v>
      </c>
      <c r="B56" s="13" t="s">
        <v>53</v>
      </c>
      <c r="C56" s="15">
        <v>17047.061310634072</v>
      </c>
      <c r="D56" s="14">
        <v>14.695742509167303</v>
      </c>
      <c r="F56" s="6"/>
      <c r="G56" s="16"/>
      <c r="R56"/>
    </row>
    <row r="57" spans="1:18" x14ac:dyDescent="0.35">
      <c r="A57" s="17">
        <v>81</v>
      </c>
      <c r="B57" s="18" t="s">
        <v>54</v>
      </c>
      <c r="C57" s="20">
        <v>46663.254026421731</v>
      </c>
      <c r="D57" s="19">
        <v>40.226943126225628</v>
      </c>
      <c r="F57" s="21"/>
      <c r="G57" s="16"/>
      <c r="R57"/>
    </row>
    <row r="58" spans="1:18" x14ac:dyDescent="0.35">
      <c r="A58" s="12">
        <v>82</v>
      </c>
      <c r="B58" s="13" t="s">
        <v>55</v>
      </c>
      <c r="C58" s="15">
        <v>24231.204672186115</v>
      </c>
      <c r="D58" s="14">
        <v>20.888969544988029</v>
      </c>
      <c r="F58" s="6"/>
      <c r="G58" s="16"/>
      <c r="R58"/>
    </row>
    <row r="59" spans="1:18" x14ac:dyDescent="0.35">
      <c r="A59" s="17">
        <v>83</v>
      </c>
      <c r="B59" s="18" t="s">
        <v>56</v>
      </c>
      <c r="C59" s="20"/>
      <c r="D59" s="19">
        <v>0</v>
      </c>
      <c r="F59" s="21"/>
      <c r="G59" s="16"/>
      <c r="R59"/>
    </row>
    <row r="60" spans="1:18" x14ac:dyDescent="0.35">
      <c r="A60" s="12">
        <v>84</v>
      </c>
      <c r="B60" s="13" t="s">
        <v>57</v>
      </c>
      <c r="C60" s="15">
        <v>18745.378628086117</v>
      </c>
      <c r="D60" s="14">
        <v>16.159809162143205</v>
      </c>
      <c r="F60" s="6"/>
      <c r="G60" s="16"/>
      <c r="R60"/>
    </row>
    <row r="61" spans="1:18" x14ac:dyDescent="0.35">
      <c r="A61" s="17">
        <v>85</v>
      </c>
      <c r="B61" s="18" t="s">
        <v>58</v>
      </c>
      <c r="C61" s="20"/>
      <c r="D61" s="19">
        <v>0</v>
      </c>
      <c r="F61" s="21"/>
      <c r="G61" s="16"/>
      <c r="R61"/>
    </row>
    <row r="62" spans="1:18" x14ac:dyDescent="0.35">
      <c r="A62" s="12">
        <v>86</v>
      </c>
      <c r="B62" s="13" t="s">
        <v>59</v>
      </c>
      <c r="C62" s="15">
        <v>44588.517583754561</v>
      </c>
      <c r="D62" s="14">
        <v>38.438377227374623</v>
      </c>
      <c r="F62" s="6"/>
      <c r="G62" s="16"/>
      <c r="R62"/>
    </row>
    <row r="63" spans="1:18" x14ac:dyDescent="0.35">
      <c r="A63" s="17">
        <v>87</v>
      </c>
      <c r="B63" s="18" t="s">
        <v>60</v>
      </c>
      <c r="C63" s="20"/>
      <c r="D63" s="19">
        <v>0</v>
      </c>
      <c r="F63" s="21"/>
      <c r="G63" s="16"/>
      <c r="R63"/>
    </row>
    <row r="64" spans="1:18" x14ac:dyDescent="0.35">
      <c r="A64" s="12">
        <v>88</v>
      </c>
      <c r="B64" s="13" t="s">
        <v>61</v>
      </c>
      <c r="C64" s="15">
        <v>64512.861776730089</v>
      </c>
      <c r="D64" s="14">
        <v>55.614536014422491</v>
      </c>
      <c r="F64" s="6"/>
      <c r="G64" s="16"/>
      <c r="R64"/>
    </row>
    <row r="65" spans="1:18" x14ac:dyDescent="0.35">
      <c r="A65" s="17">
        <v>89</v>
      </c>
      <c r="B65" s="18" t="s">
        <v>62</v>
      </c>
      <c r="C65" s="20">
        <v>16365.819254536667</v>
      </c>
      <c r="D65" s="19">
        <v>14.108464874600575</v>
      </c>
      <c r="F65" s="21"/>
      <c r="G65" s="16"/>
      <c r="R65"/>
    </row>
    <row r="66" spans="1:18" x14ac:dyDescent="0.35">
      <c r="A66" s="12">
        <v>91</v>
      </c>
      <c r="B66" s="13" t="s">
        <v>63</v>
      </c>
      <c r="C66" s="15">
        <v>1971.3559923114049</v>
      </c>
      <c r="D66" s="14">
        <v>1.6994448209581077</v>
      </c>
      <c r="F66" s="6"/>
      <c r="G66" s="16"/>
      <c r="R66"/>
    </row>
    <row r="67" spans="1:18" x14ac:dyDescent="0.35">
      <c r="A67" s="17">
        <v>92</v>
      </c>
      <c r="B67" s="18" t="s">
        <v>64</v>
      </c>
      <c r="C67" s="20">
        <v>3686.6924289857816</v>
      </c>
      <c r="D67" s="19">
        <v>3.1781831284360185</v>
      </c>
      <c r="F67" s="21"/>
      <c r="G67" s="16"/>
      <c r="R67"/>
    </row>
    <row r="68" spans="1:18" x14ac:dyDescent="0.35">
      <c r="A68" s="12">
        <v>93</v>
      </c>
      <c r="B68" s="13" t="s">
        <v>65</v>
      </c>
      <c r="C68" s="15">
        <v>3583.1767301128943</v>
      </c>
      <c r="D68" s="14">
        <v>3.0889454569938746</v>
      </c>
      <c r="F68" s="6"/>
      <c r="G68" s="16"/>
      <c r="R68"/>
    </row>
    <row r="69" spans="1:18" x14ac:dyDescent="0.35">
      <c r="A69" s="17">
        <v>94</v>
      </c>
      <c r="B69" s="18" t="s">
        <v>66</v>
      </c>
      <c r="C69" s="20">
        <v>13012.256106594607</v>
      </c>
      <c r="D69" s="19">
        <v>11.217462160857419</v>
      </c>
      <c r="F69" s="21"/>
      <c r="G69" s="16"/>
      <c r="R69"/>
    </row>
    <row r="70" spans="1:18" x14ac:dyDescent="0.35">
      <c r="A70" s="12">
        <v>95</v>
      </c>
      <c r="B70" s="13" t="s">
        <v>67</v>
      </c>
      <c r="C70" s="15">
        <v>9178.6033364487048</v>
      </c>
      <c r="D70" s="14">
        <v>7.9125890831454351</v>
      </c>
      <c r="F70" s="6"/>
      <c r="G70" s="16"/>
      <c r="R70"/>
    </row>
    <row r="71" spans="1:18" x14ac:dyDescent="0.35">
      <c r="A71" s="17">
        <v>96</v>
      </c>
      <c r="B71" s="18" t="s">
        <v>68</v>
      </c>
      <c r="C71" s="20">
        <v>14168.701708730248</v>
      </c>
      <c r="D71" s="19">
        <v>12.214398024767455</v>
      </c>
      <c r="F71" s="21"/>
      <c r="G71" s="16"/>
      <c r="R71"/>
    </row>
    <row r="72" spans="1:18" x14ac:dyDescent="0.35">
      <c r="A72" s="12">
        <v>97</v>
      </c>
      <c r="B72" s="13" t="s">
        <v>69</v>
      </c>
      <c r="C72" s="15">
        <v>9448.3625796276647</v>
      </c>
      <c r="D72" s="14">
        <v>8.1451401548514344</v>
      </c>
      <c r="F72" s="6"/>
      <c r="G72" s="16"/>
      <c r="R72"/>
    </row>
    <row r="73" spans="1:18" x14ac:dyDescent="0.35">
      <c r="A73" s="17">
        <v>98</v>
      </c>
      <c r="B73" s="18" t="s">
        <v>70</v>
      </c>
      <c r="C73" s="20">
        <v>4593.2729628181705</v>
      </c>
      <c r="D73" s="19">
        <v>3.9597180713949744</v>
      </c>
      <c r="F73" s="6"/>
      <c r="G73" s="16"/>
      <c r="R73"/>
    </row>
    <row r="74" spans="1:18" x14ac:dyDescent="0.35">
      <c r="A74" s="12">
        <v>99</v>
      </c>
      <c r="B74" s="13" t="s">
        <v>71</v>
      </c>
      <c r="C74" s="15">
        <v>1306.4958932398467</v>
      </c>
      <c r="D74" s="14">
        <v>1.1262895631377989</v>
      </c>
      <c r="F74" s="21"/>
      <c r="G74" s="16"/>
      <c r="R74"/>
    </row>
    <row r="75" spans="1:18" x14ac:dyDescent="0.35">
      <c r="N75" s="6"/>
      <c r="R75"/>
    </row>
  </sheetData>
  <mergeCells count="6">
    <mergeCell ref="A1:F1"/>
    <mergeCell ref="A2:F2"/>
    <mergeCell ref="A3:F3"/>
    <mergeCell ref="A8:A9"/>
    <mergeCell ref="B8:B9"/>
    <mergeCell ref="C8:D8"/>
  </mergeCell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kzNmUyMmQ1LTQ1YTctNGNiNy05NWFiLTFhYThjN2M4ODc4OS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xMzEyODU8L1VzZXJOYW1lPjxEYXRlVGltZT4yLzMvMjAyMyA4OjA1OjM3IFBNPC9EYXRlVGltZT48TGFiZWxTdHJpbmc+VW5jYXRlZ29yaXplZDwvTGFiZWxTdHJpbmc+PC9pdGVtPjwvbGFiZWxIaXN0b3J5Pg==</Valu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936e22d5-45a7-4cb7-95ab-1aa8c7c88789" value=""/>
  <element uid="d14f5c36-f44a-4315-b438-005cfe8f069f" value=""/>
</sisl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DF805D1E1DA4A49A223477D3B105720" ma:contentTypeVersion="20" ma:contentTypeDescription="Create a new document." ma:contentTypeScope="" ma:versionID="37e8545f9097af293d07877c154c5451">
  <xsd:schema xmlns:xsd="http://www.w3.org/2001/XMLSchema" xmlns:xs="http://www.w3.org/2001/XMLSchema" xmlns:p="http://schemas.microsoft.com/office/2006/metadata/properties" xmlns:ns2="f88ffb1c-9230-4705-a789-27bae69f5829" xmlns:ns3="b6888f76-1100-40b0-929b-1efe9044426d" targetNamespace="http://schemas.microsoft.com/office/2006/metadata/properties" ma:root="true" ma:fieldsID="8edfe77cef90f9ce79cdb433746aba48" ns2:_="" ns3:_="">
    <xsd:import namespace="f88ffb1c-9230-4705-a789-27bae69f5829"/>
    <xsd:import namespace="b6888f76-1100-40b0-929b-1efe9044426d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bjectDetectorVersions" minOccurs="0"/>
                <xsd:element ref="ns3:SharedWithUsers" minOccurs="0"/>
                <xsd:element ref="ns3:SharedWithDetails" minOccurs="0"/>
                <xsd:element ref="ns2:MediaServiceSearchPropertie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Owner" minOccurs="0"/>
                <xsd:element ref="ns2:Notes" minOccurs="0"/>
                <xsd:element ref="ns2:OriginalFileDate" minOccurs="0"/>
                <xsd:element ref="ns2:_Flow_SignoffStatus" minOccurs="0"/>
                <xsd:element ref="ns2:DueDate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88ffb1c-9230-4705-a789-27bae69f582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lcf76f155ced4ddcb4097134ff3c332f" ma:index="15" nillable="true" ma:taxonomy="true" ma:internalName="lcf76f155ced4ddcb4097134ff3c332f" ma:taxonomyFieldName="MediaServiceImageTags" ma:displayName="Image Tags" ma:readOnly="false" ma:fieldId="{5cf76f15-5ced-4ddc-b409-7134ff3c332f}" ma:taxonomyMulti="true" ma:sspId="fefa54f2-5b03-49c6-9483-51c08a9736b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20" nillable="true" ma:displayName="MediaServiceDateTaken" ma:description="" ma:hidden="true" ma:indexed="true" ma:internalName="MediaServiceDateTaken" ma:readOnly="true">
      <xsd:simpleType>
        <xsd:restriction base="dms:Text"/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  <xsd:element name="Owner" ma:index="22" nillable="true" ma:displayName="Owner" ma:format="Dropdown" ma:list="UserInfo" ma:SharePointGroup="0" ma:internalName="Owner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Notes" ma:index="23" nillable="true" ma:displayName="Notes" ma:format="Dropdown" ma:internalName="Notes">
      <xsd:simpleType>
        <xsd:restriction base="dms:Text">
          <xsd:maxLength value="255"/>
        </xsd:restriction>
      </xsd:simpleType>
    </xsd:element>
    <xsd:element name="OriginalFileDate" ma:index="24" nillable="true" ma:displayName="Original File Date" ma:format="DateOnly" ma:internalName="OriginalFileDate">
      <xsd:simpleType>
        <xsd:restriction base="dms:DateTime"/>
      </xsd:simpleType>
    </xsd:element>
    <xsd:element name="_Flow_SignoffStatus" ma:index="25" nillable="true" ma:displayName="Sign-off status" ma:internalName="_x0024_Resources_x003a_core_x002c_Signoff_Status">
      <xsd:simpleType>
        <xsd:restriction base="dms:Text"/>
      </xsd:simpleType>
    </xsd:element>
    <xsd:element name="DueDate" ma:index="26" nillable="true" ma:displayName="Due Date" ma:format="DateOnly" ma:indexed="true" ma:internalName="DueDate">
      <xsd:simpleType>
        <xsd:restriction base="dms:DateTime"/>
      </xsd:simpleType>
    </xsd:element>
    <xsd:element name="MediaServiceLocation" ma:index="27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6888f76-1100-40b0-929b-1efe9044426d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6" nillable="true" ma:displayName="Taxonomy Catch All Column" ma:hidden="true" ma:list="{6b0cac33-65cc-488e-b290-aff2b08f7242}" ma:internalName="TaxCatchAll" ma:showField="CatchAllData" ma:web="b6888f76-1100-40b0-929b-1efe9044426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f88ffb1c-9230-4705-a789-27bae69f5829">
      <Terms xmlns="http://schemas.microsoft.com/office/infopath/2007/PartnerControls"/>
    </lcf76f155ced4ddcb4097134ff3c332f>
    <TaxCatchAll xmlns="b6888f76-1100-40b0-929b-1efe9044426d" xsi:nil="true"/>
    <Notes xmlns="f88ffb1c-9230-4705-a789-27bae69f5829" xsi:nil="true"/>
    <OriginalFileDate xmlns="f88ffb1c-9230-4705-a789-27bae69f5829" xsi:nil="true"/>
    <Owner xmlns="f88ffb1c-9230-4705-a789-27bae69f5829">
      <UserInfo>
        <DisplayName/>
        <AccountId xsi:nil="true"/>
        <AccountType/>
      </UserInfo>
    </Owner>
    <DueDate xmlns="f88ffb1c-9230-4705-a789-27bae69f5829" xsi:nil="true"/>
    <_Flow_SignoffStatus xmlns="f88ffb1c-9230-4705-a789-27bae69f5829" xsi:nil="true"/>
  </documentManagement>
</p:properties>
</file>

<file path=customXml/itemProps1.xml><?xml version="1.0" encoding="utf-8"?>
<ds:datastoreItem xmlns:ds="http://schemas.openxmlformats.org/officeDocument/2006/customXml" ds:itemID="{8187DF39-87E5-4A59-8229-81429EF4985C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5BBE0095-5440-4F34-AC94-CD5ED38C34D0}">
  <ds:schemaRefs>
    <ds:schemaRef ds:uri="http://www.w3.org/2001/XMLSchema"/>
    <ds:schemaRef ds:uri="http://www.boldonjames.com/2008/01/sie/internal/label"/>
  </ds:schemaRefs>
</ds:datastoreItem>
</file>

<file path=customXml/itemProps3.xml><?xml version="1.0" encoding="utf-8"?>
<ds:datastoreItem xmlns:ds="http://schemas.openxmlformats.org/officeDocument/2006/customXml" ds:itemID="{967B96DE-ADD5-45ED-B286-36975F4D0B4C}"/>
</file>

<file path=customXml/itemProps4.xml><?xml version="1.0" encoding="utf-8"?>
<ds:datastoreItem xmlns:ds="http://schemas.openxmlformats.org/officeDocument/2006/customXml" ds:itemID="{8A642036-C577-4C01-A27D-2870D8A013AD}"/>
</file>

<file path=customXml/itemProps5.xml><?xml version="1.0" encoding="utf-8"?>
<ds:datastoreItem xmlns:ds="http://schemas.openxmlformats.org/officeDocument/2006/customXml" ds:itemID="{C81458F2-90F5-4A82-9291-E7FFAA6BBE8C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31285</dc:creator>
  <cp:lastModifiedBy>Tanner S Wolffram</cp:lastModifiedBy>
  <dcterms:created xsi:type="dcterms:W3CDTF">2023-02-03T20:05:01Z</dcterms:created>
  <dcterms:modified xsi:type="dcterms:W3CDTF">2025-10-03T17:47:3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80e37811-b968-4209-8026-ffacf59bf1c5</vt:lpwstr>
  </property>
  <property fmtid="{D5CDD505-2E9C-101B-9397-08002B2CF9AE}" pid="3" name="bjClsUserRVM">
    <vt:lpwstr>[]</vt:lpwstr>
  </property>
  <property fmtid="{D5CDD505-2E9C-101B-9397-08002B2CF9AE}" pid="4" name="bjSaver">
    <vt:lpwstr>gQNTu+rq/DW970srxdpeMRHiDF2/O73k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936e22d5-45a7-4cb7-95ab-1aa8c7c88789" value="" /&gt;&lt;element uid="d14f5c36-f44a-4315-b438-005cfe8f069f" value="" /&gt;&lt;/sisl&gt;</vt:lpwstr>
  </property>
  <property fmtid="{D5CDD505-2E9C-101B-9397-08002B2CF9AE}" pid="7" name="bjDocumentSecurityLabel">
    <vt:lpwstr>Uncategorized</vt:lpwstr>
  </property>
  <property fmtid="{D5CDD505-2E9C-101B-9397-08002B2CF9AE}" pid="8" name="MSIP_Label_574d496c-7ac4-4b13-81fd-698eca66b217_SiteId">
    <vt:lpwstr>15f3c881-6b03-4ff6-8559-77bf5177818f</vt:lpwstr>
  </property>
  <property fmtid="{D5CDD505-2E9C-101B-9397-08002B2CF9AE}" pid="9" name="MSIP_Label_574d496c-7ac4-4b13-81fd-698eca66b217_Name">
    <vt:lpwstr>Uncategorized</vt:lpwstr>
  </property>
  <property fmtid="{D5CDD505-2E9C-101B-9397-08002B2CF9AE}" pid="10" name="MSIP_Label_574d496c-7ac4-4b13-81fd-698eca66b217_Enabled">
    <vt:lpwstr>true</vt:lpwstr>
  </property>
  <property fmtid="{D5CDD505-2E9C-101B-9397-08002B2CF9AE}" pid="11" name="bjLabelHistoryID">
    <vt:lpwstr>{8187DF39-87E5-4A59-8229-81429EF4985C}</vt:lpwstr>
  </property>
  <property fmtid="{D5CDD505-2E9C-101B-9397-08002B2CF9AE}" pid="12" name="ContentTypeId">
    <vt:lpwstr>0x0101004DF805D1E1DA4A49A223477D3B105720</vt:lpwstr>
  </property>
</Properties>
</file>